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18. Kontinuálny hemodialyzačný prístroj vrátane spotrebného materiálu\07. PTK II\"/>
    </mc:Choice>
  </mc:AlternateContent>
  <bookViews>
    <workbookView xWindow="0" yWindow="0" windowWidth="21840" windowHeight="9195"/>
  </bookViews>
  <sheets>
    <sheet name="PTK - Ponuka" sheetId="8" r:id="rId1"/>
  </sheets>
  <definedNames>
    <definedName name="_xlnm.Print_Area" localSheetId="0">'PTK - Ponuka'!$B$1:$E$18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94" uniqueCount="236">
  <si>
    <t xml:space="preserve">Požadované minimálne technické vlastnosti, parametre a hodnoty predmetu zákazky
</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2.</t>
  </si>
  <si>
    <t>3.</t>
  </si>
  <si>
    <t>4.</t>
  </si>
  <si>
    <t>5.</t>
  </si>
  <si>
    <t>6.</t>
  </si>
  <si>
    <t>7.</t>
  </si>
  <si>
    <t>8.</t>
  </si>
  <si>
    <t>9.</t>
  </si>
  <si>
    <t>10.</t>
  </si>
  <si>
    <t>11.</t>
  </si>
  <si>
    <t>12.</t>
  </si>
  <si>
    <t>13.</t>
  </si>
  <si>
    <t>14.</t>
  </si>
  <si>
    <t>15.</t>
  </si>
  <si>
    <t>16.</t>
  </si>
  <si>
    <t>17.</t>
  </si>
  <si>
    <t>2.1</t>
  </si>
  <si>
    <t>2.2</t>
  </si>
  <si>
    <t>2.3</t>
  </si>
  <si>
    <t>2.4</t>
  </si>
  <si>
    <t>2.5</t>
  </si>
  <si>
    <t>2.6</t>
  </si>
  <si>
    <t>17.1</t>
  </si>
  <si>
    <t>17.2</t>
  </si>
  <si>
    <t>18.</t>
  </si>
  <si>
    <t>19.</t>
  </si>
  <si>
    <t>20.</t>
  </si>
  <si>
    <t>21.</t>
  </si>
  <si>
    <t>22.</t>
  </si>
  <si>
    <t>23.</t>
  </si>
  <si>
    <t>24.</t>
  </si>
  <si>
    <t>Kontinuálny hemodialyzačný prístroj</t>
  </si>
  <si>
    <t>Jednoduchá obsluha a setovanie</t>
  </si>
  <si>
    <t xml:space="preserve">Univerzálna hemodiafiltračná súprava alebo samostatné súpravy podľa spôsobu antikoagulácie, vrátane hemofiltra, ktoré umožňujú vykonať všetky techniky kontinuálnej dialýzy </t>
  </si>
  <si>
    <t>Obsažný a zrozumiteľný systém nápovedy počas terapie (grafická a textová nápoveda)</t>
  </si>
  <si>
    <t>Citrátová antikoagulácia (RCA) - integrovaný do systému pre liečbu akútneho zlyhania obličiek; podaný objem citrátu a kalcia je automaticky započítavaný v celkovej bilancii tekutín</t>
  </si>
  <si>
    <t>Detektor úniku krvi</t>
  </si>
  <si>
    <t>Detektor vzduchu</t>
  </si>
  <si>
    <t>Priebežné meranie prevádzkových tlakov, alarmy pri prekročení nastavených limitov</t>
  </si>
  <si>
    <t>Automatický test v dĺžke trvania do 10 min.</t>
  </si>
  <si>
    <t>Minimálne šesťpumpový systém</t>
  </si>
  <si>
    <t>Automatické plnenie a preplachovanie setov</t>
  </si>
  <si>
    <t>Krvný systém detekcie nepriechodnosti alebo nepripojenia snímačov prevádzkových tlakov</t>
  </si>
  <si>
    <t xml:space="preserve">Spotrebný materiál v kompletných sadách </t>
  </si>
  <si>
    <t>Automatický prepočet a úprava rýchlosti dávkovania citrátu a kalcia pri zmene parametrov terapie</t>
  </si>
  <si>
    <t>Automatické započítanie podaných objemov do celkovej bilancie prístroja - automatické bilancovanie tekutín</t>
  </si>
  <si>
    <t>Terapeutické spektrum:</t>
  </si>
  <si>
    <t xml:space="preserve">Kontinuálna venovenózna hemofiltrácia (CVVH) </t>
  </si>
  <si>
    <t>Kontinuálna venovenózna hemodialýza (CVVHD)</t>
  </si>
  <si>
    <t>Kontinuálna venovenózna hemodiafiltrácia (CVVHDF)</t>
  </si>
  <si>
    <t>26.</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Položka č. 1 - Kontinuálny hemodialyzačný prístroj</t>
  </si>
  <si>
    <t>Možnosť ohrevu pacienta dialyzačným prístrojom</t>
  </si>
  <si>
    <t xml:space="preserve">Veľkokapacitná váha </t>
  </si>
  <si>
    <t>Objem mimotelového krvného obehu (set, kapilára) do 250 ml. krvi</t>
  </si>
  <si>
    <t>3</t>
  </si>
  <si>
    <t>Plocha hemofiltra: 1,2 - 2,0 m2</t>
  </si>
  <si>
    <t>Prietok krvi: 100 - 500ml/h</t>
  </si>
  <si>
    <t>Materiál membrány: polysulfón</t>
  </si>
  <si>
    <t>Ďalšie materiály: polyuretán, polykarbonát</t>
  </si>
  <si>
    <t>Hadicový set musí byť kompatibilný s daným hemodialyzačným monitorom a hemofiltrom</t>
  </si>
  <si>
    <t>Požaduje sa spotrebný materiál v kompletných sadách, ktorý musí byť kompatibilný s kontinuálnym hemodialyzačným prístrojom, ktorý uchádzač ponúka.</t>
  </si>
  <si>
    <t>33181520-3 Spotrebný materiál k obličkovej dialýze</t>
  </si>
  <si>
    <t>11</t>
  </si>
  <si>
    <t xml:space="preserve">Požaduje sa spotrebný materiál v kompletných sadách </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 xml:space="preserve">Kalkulácia ceny - Štruktúrovaný rozpočet ceny predmetu zákazky </t>
  </si>
  <si>
    <t>Požaduje sa dodanie nového, nepoužívaného a nerepasovaného zariadenia:</t>
  </si>
  <si>
    <t>v pracovných dňoch (do termínu sa nezapočítavajú dni pracovného voľna, pracovného pokoja a štátne sviatky),</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 xml:space="preserve">Objednávateľ zabezpečí za účelom prevzatia zariadenia prístup pre osoby poverené Dodávateľom na čas nevyhnutný na vyloženie, kompletizáciu a inštaláciu zariadenia.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zariadeni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a pod. pre potreby plnenia zmluvy.</t>
  </si>
  <si>
    <t>Požaduje sa poskytovanie tovaru vo viacerých ucelených častiach, a to na základe písomných čiastkových výziev (ďalej len "objednávka") Objednávateľa s periodicitou a v minimálnych objemoch podľa jeho aktuálnych prevádzkových potrieb Objednávateľa.</t>
  </si>
  <si>
    <t>Požaduje sa dodanie tovaru:</t>
  </si>
  <si>
    <t>8.1</t>
  </si>
  <si>
    <t>8.2</t>
  </si>
  <si>
    <t>8.3</t>
  </si>
  <si>
    <t>v čase od 07:00 hod. do 15:00 hod.,</t>
  </si>
  <si>
    <t>8.4</t>
  </si>
  <si>
    <t>na dohodnuté miesto plnenia a zodpovednej osobe Objednávateľa (podrobnosti o mieste plnenia a zodpovednej osobe Objednávateľa budú Dodávateľovi upresnené bezprostredne po nadobudnutí účinnosti rámcovej dohody),</t>
  </si>
  <si>
    <t>8.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Požaduje sa, aby v prípade ak sa úspešným uchádzačom (t.j. Dodávateľom) po uplynutí lehoty na predkladanie ponúk, resp. po elektronickej aukcii stane:
-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 uchádzač, ktorý verejnému obstarávateľovi predložil aktuálnu cenovú ponuku pred vyhlásením tejto súťaže a jeho konečná jednotková cena za MJ bez DPH je vyššia ako cena ktorú predložil v aktuálnej cenovej ponuke pred vyhlásením tejto súťaže, tak:
verejný obstarávateľ vyzve úspešného uchádzača na podanie vysvetlenia k uvedenému a ak po prehodnotení písomného zdôvodnenia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neuzavrieť s uchádzačom zmluvný vzťah a zrušiť verejné obstarávanie v príslušnej časti predmetu zákazky a v prípade, ak je to relevantné, odstúpiť od zmluvy.</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17.3</t>
  </si>
  <si>
    <t xml:space="preserve">vykonanie štandardných vylepšení zariadenia odporúčaných a predpísaných výrobcom zariadenia podľa rozhodnutia Dodávateľa, vrátane vykonania servisných aktualizácií, t.j. servisná aktualizácia softvérového vybavenia zariadenia, k splneniu uvedenej povinnosti sa vyžaduje poskytnutie súčinnosti Objednávateľa, </t>
  </si>
  <si>
    <t>17.4</t>
  </si>
  <si>
    <t>17.5</t>
  </si>
  <si>
    <t>vykonanie validácií a kalibrácií zariadenia (resp. jeho relevantných častí) s perididicitou podľa odporučenia výrobcu zariadenia, min. však jedenkrát ročne,</t>
  </si>
  <si>
    <t>17.6</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17.7</t>
  </si>
  <si>
    <t>vykonanie ďalších servisných úkonov a činností predpísaných príslušnou právnou úpravou a aplikovateľnými normami,</t>
  </si>
  <si>
    <t>17.8</t>
  </si>
  <si>
    <t>17.9</t>
  </si>
  <si>
    <t>vykonanie akýchkoľvek neplánovaných opráv a údržby, ktoré nevyplývajú zo servisného plánu výrobcu zariadenia, ak takáto oprava je nevyhnutná za účelom zabezpečenia prevádzky zariadenia, vrátane generálnej opravy.</t>
  </si>
  <si>
    <t>Dodávateľ je povinný počas trvania záručnej doby odstrániť vady v nasledujúcich lehotách od nástupu na opravu:</t>
  </si>
  <si>
    <t>19.1</t>
  </si>
  <si>
    <t>19.2</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20.1</t>
  </si>
  <si>
    <t>nedodržanie lehoty príchodu servisného technika alebo nezačatie odstraňovania vady formou vzdialeného prístupu: 10,- € (slovom: desať EUR) za každú začatú hodinu omeškania, najviac však do výšky 10% kúpnej ceny zariadenia, a to pre každý jednotlivý prípad omeškania Dodávateľa,</t>
  </si>
  <si>
    <t>20.2</t>
  </si>
  <si>
    <t>nedodržanie dohodnutých lehôt na odstránenie vady: 10,- € (slovom: desať EUR) za každú začatú hodinu omeškania, najviac však do výšky 10% kúpnej ceny zariadenia, a to pre každý jednotlivý prípad omeškania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 xml:space="preserve">25. </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27.</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28.</t>
  </si>
  <si>
    <t>Požaduje sa, aby sa Dodávateľ oboznámil s Etickým kódexom obchodných partnerov Objednávateľa zverejnenom na www.vusch.sk. Požaduje sa dodržiavanie etických zásad uvedených v Etickom kódexe objednávateľa.</t>
  </si>
  <si>
    <t>29.</t>
  </si>
  <si>
    <t>V prípade, ak sa na predmet zákazky vykonala prípravná trhová konzultácia, informácie k prípravnej trhovej konzultácie verejný obstarávateľ zverejňuje na www.vusch.sk/verejne-obstaravanie/.</t>
  </si>
  <si>
    <r>
      <rPr>
        <b/>
        <sz val="10"/>
        <color theme="1"/>
        <rFont val="Arial"/>
        <family val="2"/>
        <charset val="238"/>
      </rPr>
      <t>Prospektový materiál</t>
    </r>
    <r>
      <rPr>
        <sz val="10"/>
        <color theme="1"/>
        <rFont val="Arial"/>
        <family val="2"/>
        <charset val="238"/>
      </rPr>
      <t xml:space="preserve"> 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ožnosť manipulácie s prístrojom v priebehu terapie bez toho, aby bolo narušené bilancovanie roztokov a antikoagulácie.</t>
  </si>
  <si>
    <t>Metóda TPE (terapeutická výmena plazmy).</t>
  </si>
  <si>
    <t>Kontinuálny hemodialyzačný prístroj vrátane spotrebného materiálu</t>
  </si>
  <si>
    <t>33181100-3 Hemodialyzačné prístroje</t>
  </si>
  <si>
    <t>60000000-8 Dopravné služby (bez prepravy odpadu)</t>
  </si>
  <si>
    <r>
      <t xml:space="preserve">Farebná LCD obrazovka aspoň 10´ s dotykovým ovládaním </t>
    </r>
    <r>
      <rPr>
        <sz val="10"/>
        <color theme="1"/>
        <rFont val="Arial"/>
        <family val="2"/>
        <charset val="238"/>
      </rPr>
      <t>s údajmi o terapii, grafické zobrazenie základných parametrov už na domovskej obrazovke</t>
    </r>
  </si>
  <si>
    <t>Automatická regulácia venóznej hladiny vo venóznej banke pred detektorom vzduchu</t>
  </si>
  <si>
    <r>
      <t xml:space="preserve">Minimálny rozsah dávky citrátu na 1 l. krvi pri citrátových terapiách </t>
    </r>
    <r>
      <rPr>
        <sz val="10"/>
        <rFont val="Arial"/>
        <family val="2"/>
        <charset val="238"/>
      </rPr>
      <t>(1,5 až 2 mmol</t>
    </r>
    <r>
      <rPr>
        <sz val="10"/>
        <color theme="1"/>
        <rFont val="Arial"/>
        <family val="2"/>
        <charset val="238"/>
      </rPr>
      <t xml:space="preserve"> - 6,0 mmol.)</t>
    </r>
  </si>
  <si>
    <t>Možnosť manuálneho prenastavenia tlakových alarmových hraníc</t>
  </si>
  <si>
    <t>Pri prekročení hodnoty tlakového alarmu a jeho následnom spontánnom návrate do prednastaveného intervalu v časovom okne minimálne 3 s sa automaticky obnoví prevádzka liečby</t>
  </si>
  <si>
    <t>Plne automatizovaná citrátová antikoagulácia pri terapiách CVVH, CVVHD</t>
  </si>
  <si>
    <t>Položka č. 2 - Súprava pre kontinuálny hemodialyzačný prístroj na citrátovú antikoaguláciu</t>
  </si>
  <si>
    <t>Položka č. 3 - Súprava pre kontinuálny hemodialyzačný prístroj na heparínovú antikoaguláciu</t>
  </si>
  <si>
    <t>Požadovaný počet MJ za zmluvné obdobie 24 mesiacov</t>
  </si>
  <si>
    <t xml:space="preserve">Vak náhradný/odpadový 5 l </t>
  </si>
  <si>
    <t xml:space="preserve">Súprava pre kontinuálny hemodialyzačný prístroj na citrátovú antikoaguláciu </t>
  </si>
  <si>
    <t xml:space="preserve">Súprava pre kontinuálny hemodialyzačný prístrojna na heparínovú antikoaguláciu </t>
  </si>
  <si>
    <t xml:space="preserve">Položka č. 4 - Vak náhradný/odpadový 5 l </t>
  </si>
  <si>
    <t>Multifunkčný mobilný systém pre liečbu akútneho zlyhania obličiek, automatizovaný prístroj</t>
  </si>
  <si>
    <t>Komunikácia s obsluhou v slovenskom jazyku</t>
  </si>
  <si>
    <t>Heparínová antikoagulácia – Integrovaný lineárny dávkovač s ovládaním rýchlosti infúzie priamo na hlavnom displeji</t>
  </si>
  <si>
    <t>Možnosť použiť antikoaguláciu heparínovú</t>
  </si>
  <si>
    <t>Možnosť použiť antikoaguláciu citrátovú</t>
  </si>
  <si>
    <t>Prístroj umožňujúci prerušenie terapie na dobu viac ako 4 hodiny - dočasné odpojenie pacienta (napr. z dôvodu vyšetrenia alebo operácie) a následné pokračovanie v terapii</t>
  </si>
  <si>
    <t>Účinná antikoagulácia celého okruhu, t.j. napojenie citrátu na prístupovú linku a kalcia na návratovú linku do 20 cm od napojenia pacienta</t>
  </si>
  <si>
    <t>15</t>
  </si>
  <si>
    <t>16</t>
  </si>
  <si>
    <t>17</t>
  </si>
  <si>
    <t>18</t>
  </si>
  <si>
    <t>19</t>
  </si>
  <si>
    <t>20</t>
  </si>
  <si>
    <t>21</t>
  </si>
  <si>
    <t>22</t>
  </si>
  <si>
    <t>23</t>
  </si>
  <si>
    <t>24</t>
  </si>
  <si>
    <t>25</t>
  </si>
  <si>
    <t>26</t>
  </si>
  <si>
    <t>27</t>
  </si>
  <si>
    <t>28</t>
  </si>
  <si>
    <t>Špeciálny režim počas starostlivosti o pacienta (napr. pri toalete a zmenách jeho polohy): dočasné zníženie prietoku krvi, zastavenie bilancovania a rozšírené tlakové limity.</t>
  </si>
  <si>
    <t>Požaduje sa uzatvorenie rámcovej dohody na kúpu kontinuálnych hemodialyzačných prístrojov (ďalej len "zariadenie") vrátane spotrebného materiálu (ďalej len "tovar") na obdobie 24 kalendárnych mesiacov, resp. do naplnenia dohodnutého zmluvného finančného objemu podľa toho, ktorá z uvedených skutočností nastane skôr.</t>
  </si>
  <si>
    <t>do 30 pracovných dní od dňa nadobudnutia účinnosti zmluvy resp. odo dňa doručenia Oznámenia o splnení Objednávateľom stanovených podmienok a požiadaviek na predmet zákazky Dodávateľovi (ďalej len "Oznámenie"),</t>
  </si>
  <si>
    <t>v čase od 08:00 hod. do 15:00 hod.,</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é v rámcovej dohode. </t>
  </si>
  <si>
    <t>do 24 hodín od doručenia písomnej objednávky Dodávateľovi,</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Dodávateľ je povinný vystaviť faktúru za dodané zariadenie/tovar v súlade s ustanovením §73 zákona č. 222/2004 Z. z. o dani z pridanej hodnoty v znení neskorších predpisov.</t>
  </si>
  <si>
    <t>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__%*  z fakturovanej sumy.                                                                                                                                                             *V prípade, ak sa Dodávateľ rozhodne Objednávateľovi poskytnúť zľavu za tzv. predčasnú úhradu (t.j. úhradu pred uplynutím lehoty splatnosti), uvedie výšku %, v akej bude zľava z fakturovanej sumy poskytnutá. Ak takúto zľavu Dodávateľ nechce poskytnúť, uvedie 0%.</t>
  </si>
  <si>
    <t xml:space="preserve">Dodávateľ poskytuje na predmet zákazky a všetky jeho súčasti (ďalej len "zariadenie") komplexnú záruku v trvaní 60 mesiacov odo dňa, kedy je zariadenie uvedené do prevádzky. Uvedenie zariadenia do prevádzky a začiatok plynutia záručnej doby sa potvrdí na dodacom liste (preberací protokol), ktorý podpíšu obe strany dohody, t.j. Dodávateľ a Objednávateľ, resp. ich oprávnení zástupcovia. Uvedená záručná doba sa automaticky predlžuje o dobu, po ktorú nemohlo byť zariadenie využívané na účel, na ktorý je určený a to z dôvodov na ktoré sa vzťahuje záruka. </t>
  </si>
  <si>
    <t>práce (servisné hodiny) a dojazdy servisných technikov Dodávateľa do miesta inštalácie zariadenia v rámci zabezpečenia záručného servisu,</t>
  </si>
  <si>
    <t xml:space="preserve">Servisný technik Dodávateľa je povinný nastúpiť na odstránenie vady v mieste inštalácie zariadenia do 48 hodín od nahlásenia v pracovný deň medzi 7:00 a 15:00 hod., resp. do 12:00 hod. nasledujúceho pracovného dňa, pokiaľ vada bola nahlásená po 15:00 hod. pracovného dňa alebo počas mimopracovného dňa. </t>
  </si>
  <si>
    <t>oprava vady, pri ktorej nie je potrebná dodávka náhradného dielu najneskôr do 72 hodín,</t>
  </si>
  <si>
    <t>oprava vady s dodávkou náhradného dielu najneskôr do 120 hodín, resp. v závažných prípadoch v termíne po dohode s Objednávateľom.</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Zabudovaný záložný akumulátor, ktorý v prípade výpadku elektrickej energie  zabezpečí dostatočný čas na vrátenie krvi pacientovi a prípravu na vypnutie prístroja</t>
  </si>
  <si>
    <t>po predchádzajúcom preukázateľnom upovedomení Objednávateľa min. päť (5) pracovných dní vopred tak, aby Objednávateľ mohol poskytnúť potrebnú súčinnosť pri dodaní,</t>
  </si>
  <si>
    <t>dodávky a zabudovanie náhradných dielov, ktoré sú potrebné k riadnej a bezporuchovej prevádzke zariadenia, vrátane demontáže, odvozu a likvidácie použitého a nepotrebného spotrebného materiálu, náplní a náhradných dielov,</t>
  </si>
  <si>
    <t>tovar, služba</t>
  </si>
  <si>
    <t>Merná jednotka
MJ</t>
  </si>
  <si>
    <t>k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i/>
      <sz val="10"/>
      <name val="Arial"/>
      <family val="2"/>
      <charset val="238"/>
    </font>
    <font>
      <sz val="10"/>
      <color rgb="FF0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dotted">
        <color auto="1"/>
      </left>
      <right style="medium">
        <color auto="1"/>
      </right>
      <top style="medium">
        <color auto="1"/>
      </top>
      <bottom style="thin">
        <color auto="1"/>
      </bottom>
      <diagonal/>
    </border>
    <border>
      <left style="medium">
        <color indexed="64"/>
      </left>
      <right style="thin">
        <color auto="1"/>
      </right>
      <top style="medium">
        <color indexed="64"/>
      </top>
      <bottom style="thin">
        <color auto="1"/>
      </bottom>
      <diagonal/>
    </border>
    <border>
      <left/>
      <right/>
      <top style="thin">
        <color auto="1"/>
      </top>
      <bottom style="thin">
        <color auto="1"/>
      </bottom>
      <diagonal/>
    </border>
    <border>
      <left/>
      <right style="medium">
        <color indexed="64"/>
      </right>
      <top style="thin">
        <color auto="1"/>
      </top>
      <bottom style="thin">
        <color auto="1"/>
      </bottom>
      <diagonal/>
    </border>
    <border>
      <left style="dotted">
        <color auto="1"/>
      </left>
      <right style="medium">
        <color auto="1"/>
      </right>
      <top style="thin">
        <color auto="1"/>
      </top>
      <bottom style="thin">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right style="medium">
        <color indexed="64"/>
      </right>
      <top/>
      <bottom style="thin">
        <color auto="1"/>
      </bottom>
      <diagonal/>
    </border>
    <border>
      <left style="thin">
        <color auto="1"/>
      </left>
      <right style="dotted">
        <color auto="1"/>
      </right>
      <top/>
      <bottom/>
      <diagonal/>
    </border>
    <border>
      <left style="medium">
        <color auto="1"/>
      </left>
      <right style="thin">
        <color auto="1"/>
      </right>
      <top/>
      <bottom style="medium">
        <color auto="1"/>
      </bottom>
      <diagonal/>
    </border>
    <border>
      <left style="medium">
        <color auto="1"/>
      </left>
      <right/>
      <top/>
      <bottom style="thin">
        <color auto="1"/>
      </bottom>
      <diagonal/>
    </border>
    <border>
      <left/>
      <right/>
      <top/>
      <bottom style="thin">
        <color auto="1"/>
      </bottom>
      <diagonal/>
    </border>
    <border>
      <left style="thin">
        <color auto="1"/>
      </left>
      <right style="medium">
        <color indexed="64"/>
      </right>
      <top style="thin">
        <color auto="1"/>
      </top>
      <bottom/>
      <diagonal/>
    </border>
    <border>
      <left style="thin">
        <color auto="1"/>
      </left>
      <right style="medium">
        <color indexed="64"/>
      </right>
      <top/>
      <bottom style="thin">
        <color auto="1"/>
      </bottom>
      <diagonal/>
    </border>
    <border>
      <left style="medium">
        <color auto="1"/>
      </left>
      <right/>
      <top style="thin">
        <color auto="1"/>
      </top>
      <bottom style="thin">
        <color auto="1"/>
      </bottom>
      <diagonal/>
    </border>
    <border>
      <left style="thin">
        <color indexed="64"/>
      </left>
      <right style="thin">
        <color indexed="64"/>
      </right>
      <top/>
      <bottom style="medium">
        <color auto="1"/>
      </bottom>
      <diagonal/>
    </border>
    <border>
      <left style="medium">
        <color auto="1"/>
      </left>
      <right style="thin">
        <color auto="1"/>
      </right>
      <top/>
      <bottom style="thin">
        <color indexed="64"/>
      </bottom>
      <diagonal/>
    </border>
    <border>
      <left style="thin">
        <color auto="1"/>
      </left>
      <right style="thin">
        <color auto="1"/>
      </right>
      <top style="medium">
        <color auto="1"/>
      </top>
      <bottom style="thin">
        <color indexed="64"/>
      </bottom>
      <diagonal/>
    </border>
    <border>
      <left style="dotted">
        <color auto="1"/>
      </left>
      <right style="medium">
        <color auto="1"/>
      </right>
      <top/>
      <bottom style="medium">
        <color auto="1"/>
      </bottom>
      <diagonal/>
    </border>
    <border>
      <left style="medium">
        <color auto="1"/>
      </left>
      <right style="thin">
        <color auto="1"/>
      </right>
      <top style="thin">
        <color auto="1"/>
      </top>
      <bottom style="dotted">
        <color auto="1"/>
      </bottom>
      <diagonal/>
    </border>
    <border>
      <left style="thin">
        <color auto="1"/>
      </left>
      <right/>
      <top style="thin">
        <color auto="1"/>
      </top>
      <bottom style="dotted">
        <color auto="1"/>
      </bottom>
      <diagonal/>
    </border>
    <border>
      <left style="medium">
        <color auto="1"/>
      </left>
      <right style="thin">
        <color auto="1"/>
      </right>
      <top/>
      <bottom/>
      <diagonal/>
    </border>
    <border>
      <left style="thin">
        <color auto="1"/>
      </left>
      <right/>
      <top style="dotted">
        <color auto="1"/>
      </top>
      <bottom style="dotted">
        <color auto="1"/>
      </bottom>
      <diagonal/>
    </border>
    <border>
      <left style="medium">
        <color auto="1"/>
      </left>
      <right style="thin">
        <color auto="1"/>
      </right>
      <top style="dotted">
        <color auto="1"/>
      </top>
      <bottom/>
      <diagonal/>
    </border>
    <border>
      <left style="thin">
        <color auto="1"/>
      </left>
      <right style="thin">
        <color auto="1"/>
      </right>
      <top/>
      <bottom/>
      <diagonal/>
    </border>
    <border>
      <left style="medium">
        <color auto="1"/>
      </left>
      <right style="thin">
        <color auto="1"/>
      </right>
      <top style="dotted">
        <color auto="1"/>
      </top>
      <bottom style="dotted">
        <color auto="1"/>
      </bottom>
      <diagonal/>
    </border>
    <border>
      <left style="thin">
        <color auto="1"/>
      </left>
      <right/>
      <top/>
      <bottom style="thin">
        <color auto="1"/>
      </bottom>
      <diagonal/>
    </border>
    <border>
      <left style="medium">
        <color auto="1"/>
      </left>
      <right style="thin">
        <color auto="1"/>
      </right>
      <top style="dotted">
        <color indexed="64"/>
      </top>
      <bottom style="thin">
        <color auto="1"/>
      </bottom>
      <diagonal/>
    </border>
    <border>
      <left style="thin">
        <color auto="1"/>
      </left>
      <right/>
      <top style="dotted">
        <color auto="1"/>
      </top>
      <bottom style="thin">
        <color auto="1"/>
      </bottom>
      <diagonal/>
    </border>
    <border>
      <left style="medium">
        <color auto="1"/>
      </left>
      <right style="thin">
        <color auto="1"/>
      </right>
      <top/>
      <bottom style="dotted">
        <color auto="1"/>
      </bottom>
      <diagonal/>
    </border>
    <border>
      <left style="thin">
        <color indexed="64"/>
      </left>
      <right style="medium">
        <color auto="1"/>
      </right>
      <top/>
      <bottom style="medium">
        <color auto="1"/>
      </bottom>
      <diagonal/>
    </border>
    <border>
      <left style="thin">
        <color auto="1"/>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right style="thin">
        <color auto="1"/>
      </right>
      <top/>
      <bottom style="medium">
        <color auto="1"/>
      </bottom>
      <diagonal/>
    </border>
    <border>
      <left/>
      <right/>
      <top style="thin">
        <color auto="1"/>
      </top>
      <bottom style="medium">
        <color indexed="64"/>
      </bottom>
      <diagonal/>
    </border>
    <border>
      <left/>
      <right style="medium">
        <color indexed="64"/>
      </right>
      <top style="thin">
        <color auto="1"/>
      </top>
      <bottom style="medium">
        <color indexed="64"/>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9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2" xfId="0" applyFont="1" applyFill="1" applyBorder="1" applyAlignment="1">
      <alignment horizontal="left" vertical="top" wrapText="1"/>
    </xf>
    <xf numFmtId="0" fontId="2" fillId="3" borderId="12" xfId="0" applyFont="1" applyFill="1" applyBorder="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2"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21"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8" xfId="0" applyNumberFormat="1" applyFont="1" applyBorder="1" applyAlignment="1">
      <alignment horizontal="center" vertical="center" wrapText="1"/>
    </xf>
    <xf numFmtId="0" fontId="7" fillId="0" borderId="20"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0" fontId="11" fillId="2" borderId="12" xfId="0" applyNumberFormat="1" applyFont="1" applyFill="1" applyBorder="1" applyAlignment="1">
      <alignment horizontal="left" vertical="center" wrapText="1"/>
    </xf>
    <xf numFmtId="0" fontId="7" fillId="2" borderId="12"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0" fontId="4" fillId="0" borderId="22"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4" fillId="0" borderId="24"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49" fontId="2" fillId="0" borderId="23" xfId="0" applyNumberFormat="1" applyFont="1" applyFill="1" applyBorder="1" applyAlignment="1">
      <alignment horizontal="center" vertical="center" wrapText="1"/>
    </xf>
    <xf numFmtId="0" fontId="2" fillId="0" borderId="12" xfId="0" applyNumberFormat="1" applyFont="1" applyBorder="1" applyAlignment="1">
      <alignment horizontal="center" vertical="center" wrapText="1"/>
    </xf>
    <xf numFmtId="0" fontId="2" fillId="0" borderId="22" xfId="0" applyNumberFormat="1" applyFont="1" applyBorder="1" applyAlignment="1">
      <alignment horizontal="center" vertical="center" wrapText="1"/>
    </xf>
    <xf numFmtId="0" fontId="2" fillId="0" borderId="30" xfId="0" applyNumberFormat="1" applyFont="1" applyBorder="1" applyAlignment="1">
      <alignment horizontal="center" vertical="center" wrapText="1"/>
    </xf>
    <xf numFmtId="0" fontId="2" fillId="0" borderId="32" xfId="0" applyNumberFormat="1" applyFont="1" applyBorder="1" applyAlignment="1">
      <alignment horizontal="center" vertical="center" wrapText="1"/>
    </xf>
    <xf numFmtId="49" fontId="2" fillId="0" borderId="23" xfId="0" applyNumberFormat="1" applyFont="1" applyBorder="1" applyAlignment="1">
      <alignment horizontal="center" vertical="center"/>
    </xf>
    <xf numFmtId="0" fontId="2" fillId="0" borderId="24" xfId="0" applyNumberFormat="1" applyFont="1" applyBorder="1" applyAlignment="1">
      <alignment vertical="center" wrapText="1"/>
    </xf>
    <xf numFmtId="0" fontId="2" fillId="0" borderId="34" xfId="0" applyNumberFormat="1" applyFont="1" applyBorder="1" applyAlignment="1">
      <alignment vertical="center" wrapText="1"/>
    </xf>
    <xf numFmtId="49" fontId="2" fillId="0" borderId="35" xfId="0" applyNumberFormat="1" applyFont="1" applyBorder="1" applyAlignment="1">
      <alignment vertical="center" wrapText="1"/>
    </xf>
    <xf numFmtId="49" fontId="2" fillId="0" borderId="13" xfId="0" applyNumberFormat="1" applyFont="1" applyBorder="1" applyAlignment="1">
      <alignment horizontal="center" vertical="center"/>
    </xf>
    <xf numFmtId="0" fontId="7" fillId="0" borderId="36" xfId="0" applyNumberFormat="1" applyFont="1" applyBorder="1" applyAlignment="1">
      <alignment horizontal="center" vertical="center" wrapText="1"/>
    </xf>
    <xf numFmtId="49" fontId="2" fillId="0" borderId="9" xfId="0" applyNumberFormat="1" applyFont="1" applyBorder="1" applyAlignment="1">
      <alignment horizontal="left" vertical="center" wrapText="1"/>
    </xf>
    <xf numFmtId="49" fontId="2" fillId="0" borderId="33" xfId="0" applyNumberFormat="1" applyFont="1" applyBorder="1" applyAlignment="1">
      <alignment horizontal="left" vertical="center" wrapText="1"/>
    </xf>
    <xf numFmtId="0" fontId="2" fillId="0" borderId="9" xfId="0" applyFont="1" applyFill="1" applyBorder="1" applyAlignment="1">
      <alignment horizontal="left" vertical="center" wrapText="1"/>
    </xf>
    <xf numFmtId="49" fontId="2" fillId="2" borderId="19" xfId="0" applyNumberFormat="1" applyFont="1" applyFill="1" applyBorder="1" applyAlignment="1">
      <alignment horizontal="center" vertical="center" wrapText="1"/>
    </xf>
    <xf numFmtId="49" fontId="2" fillId="0" borderId="28" xfId="0" applyNumberFormat="1" applyFont="1" applyBorder="1" applyAlignment="1">
      <alignment horizontal="center" vertical="center" wrapText="1"/>
    </xf>
    <xf numFmtId="49" fontId="2" fillId="0" borderId="31" xfId="0" applyNumberFormat="1" applyFont="1" applyBorder="1" applyAlignment="1">
      <alignment horizontal="left" vertical="center" wrapText="1"/>
    </xf>
    <xf numFmtId="0" fontId="2" fillId="0" borderId="9" xfId="0"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49" fontId="2" fillId="0" borderId="28" xfId="0" applyNumberFormat="1" applyFont="1" applyBorder="1" applyAlignment="1">
      <alignment horizontal="left" vertical="center" wrapText="1"/>
    </xf>
    <xf numFmtId="0" fontId="4" fillId="0" borderId="0" xfId="0" applyFont="1" applyFill="1" applyAlignment="1">
      <alignment horizontal="left" vertical="top" wrapText="1"/>
    </xf>
    <xf numFmtId="16" fontId="5" fillId="0" borderId="0" xfId="0" applyNumberFormat="1" applyFont="1" applyFill="1" applyAlignment="1">
      <alignment horizontal="left" vertical="top" wrapText="1"/>
    </xf>
    <xf numFmtId="0" fontId="2" fillId="0" borderId="24" xfId="0" applyNumberFormat="1" applyFont="1" applyBorder="1" applyAlignment="1">
      <alignment horizontal="center" vertical="center" wrapText="1"/>
    </xf>
    <xf numFmtId="49" fontId="2" fillId="0" borderId="40" xfId="0" applyNumberFormat="1" applyFont="1" applyBorder="1" applyAlignment="1">
      <alignment horizontal="left" vertical="center" wrapText="1"/>
    </xf>
    <xf numFmtId="49" fontId="4" fillId="6" borderId="28" xfId="0" applyNumberFormat="1" applyFont="1" applyFill="1" applyBorder="1" applyAlignment="1">
      <alignment horizontal="center" vertical="center" wrapText="1"/>
    </xf>
    <xf numFmtId="49" fontId="2" fillId="0" borderId="41" xfId="0" applyNumberFormat="1" applyFont="1" applyBorder="1" applyAlignment="1">
      <alignment horizontal="left" vertical="center" wrapText="1"/>
    </xf>
    <xf numFmtId="49" fontId="4" fillId="0" borderId="12" xfId="0" applyNumberFormat="1" applyFont="1" applyFill="1" applyBorder="1" applyAlignment="1">
      <alignment horizontal="left" vertical="center" wrapText="1"/>
    </xf>
    <xf numFmtId="0" fontId="4" fillId="0" borderId="12" xfId="0" applyFont="1" applyBorder="1" applyAlignment="1">
      <alignment horizontal="left" vertical="center" wrapText="1" shrinkToFit="1"/>
    </xf>
    <xf numFmtId="0" fontId="2" fillId="0" borderId="12" xfId="0" applyFont="1" applyBorder="1" applyAlignment="1">
      <alignment horizontal="left" vertical="center" wrapText="1" shrinkToFit="1"/>
    </xf>
    <xf numFmtId="0" fontId="2" fillId="0" borderId="12" xfId="0" applyFont="1" applyBorder="1" applyAlignment="1">
      <alignment vertical="center" wrapText="1" shrinkToFit="1"/>
    </xf>
    <xf numFmtId="0" fontId="2" fillId="6" borderId="12" xfId="0" applyFont="1" applyFill="1" applyBorder="1" applyAlignment="1">
      <alignment horizontal="center" vertical="center" wrapText="1"/>
    </xf>
    <xf numFmtId="49" fontId="2" fillId="0" borderId="44" xfId="0" applyNumberFormat="1" applyFont="1" applyFill="1" applyBorder="1" applyAlignment="1">
      <alignment horizontal="center" vertical="center" wrapText="1"/>
    </xf>
    <xf numFmtId="0" fontId="2" fillId="0" borderId="41" xfId="0" applyFont="1" applyFill="1" applyBorder="1" applyAlignment="1">
      <alignment horizontal="left" vertical="center" wrapText="1"/>
    </xf>
    <xf numFmtId="49" fontId="2" fillId="0" borderId="26" xfId="0" applyNumberFormat="1" applyFont="1" applyFill="1" applyBorder="1" applyAlignment="1">
      <alignment horizontal="center" vertical="center" wrapText="1"/>
    </xf>
    <xf numFmtId="0" fontId="2" fillId="0" borderId="45" xfId="0" applyFont="1" applyFill="1" applyBorder="1" applyAlignment="1">
      <alignment horizontal="left" vertical="center" wrapText="1"/>
    </xf>
    <xf numFmtId="49" fontId="2" fillId="0" borderId="37" xfId="0" applyNumberFormat="1" applyFont="1" applyFill="1" applyBorder="1" applyAlignment="1">
      <alignment horizontal="center" vertical="center" wrapText="1"/>
    </xf>
    <xf numFmtId="0" fontId="2" fillId="0" borderId="12"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2" fillId="0" borderId="29" xfId="0" applyFont="1" applyFill="1" applyBorder="1" applyAlignment="1">
      <alignment horizontal="center" vertical="center" wrapText="1"/>
    </xf>
    <xf numFmtId="0" fontId="4" fillId="0" borderId="12" xfId="0" applyFont="1" applyFill="1" applyBorder="1" applyAlignment="1">
      <alignment horizontal="left" vertical="top" wrapText="1"/>
    </xf>
    <xf numFmtId="49" fontId="2" fillId="0" borderId="47" xfId="0" applyNumberFormat="1" applyFont="1" applyFill="1" applyBorder="1" applyAlignment="1">
      <alignment horizontal="center" vertical="center" wrapText="1"/>
    </xf>
    <xf numFmtId="0" fontId="4" fillId="6" borderId="48" xfId="0" applyFont="1" applyFill="1" applyBorder="1" applyAlignment="1">
      <alignment horizontal="left" vertical="center" wrapText="1"/>
    </xf>
    <xf numFmtId="49" fontId="2" fillId="0" borderId="49" xfId="0" applyNumberFormat="1" applyFont="1" applyFill="1" applyBorder="1" applyAlignment="1">
      <alignment horizontal="right" vertical="center" wrapText="1"/>
    </xf>
    <xf numFmtId="0" fontId="4" fillId="6" borderId="50" xfId="0" applyFont="1" applyFill="1" applyBorder="1" applyAlignment="1">
      <alignment horizontal="left" vertical="center" wrapText="1"/>
    </xf>
    <xf numFmtId="49" fontId="2" fillId="0" borderId="51" xfId="0" applyNumberFormat="1" applyFont="1" applyFill="1" applyBorder="1" applyAlignment="1">
      <alignment horizontal="right" vertical="center" wrapText="1"/>
    </xf>
    <xf numFmtId="0" fontId="4" fillId="0" borderId="52" xfId="0" applyFont="1" applyFill="1" applyBorder="1" applyAlignment="1">
      <alignment horizontal="left" vertical="center" wrapText="1"/>
    </xf>
    <xf numFmtId="49" fontId="2" fillId="0" borderId="53" xfId="0" applyNumberFormat="1" applyFont="1" applyFill="1" applyBorder="1" applyAlignment="1">
      <alignment horizontal="right" vertical="center" wrapText="1"/>
    </xf>
    <xf numFmtId="49" fontId="2" fillId="0" borderId="44" xfId="0" applyNumberFormat="1" applyFont="1" applyFill="1" applyBorder="1" applyAlignment="1">
      <alignment horizontal="right" vertical="center" wrapText="1"/>
    </xf>
    <xf numFmtId="0" fontId="4" fillId="0" borderId="32" xfId="0" applyFont="1" applyFill="1" applyBorder="1" applyAlignment="1">
      <alignment horizontal="left" vertical="center" wrapText="1"/>
    </xf>
    <xf numFmtId="0" fontId="4" fillId="6" borderId="12" xfId="0" applyFont="1" applyFill="1" applyBorder="1" applyAlignment="1">
      <alignment horizontal="left" vertical="center" wrapText="1"/>
    </xf>
    <xf numFmtId="0" fontId="14" fillId="6" borderId="0" xfId="0" applyFont="1" applyFill="1" applyBorder="1" applyAlignment="1">
      <alignment horizontal="justify" vertical="center"/>
    </xf>
    <xf numFmtId="0" fontId="4" fillId="6" borderId="54" xfId="0" applyFont="1" applyFill="1" applyBorder="1" applyAlignment="1">
      <alignment horizontal="left" vertical="center" wrapText="1"/>
    </xf>
    <xf numFmtId="0" fontId="4" fillId="6" borderId="30" xfId="0" applyFont="1" applyFill="1" applyBorder="1" applyAlignment="1">
      <alignment horizontal="left" vertical="center" wrapText="1"/>
    </xf>
    <xf numFmtId="49" fontId="2" fillId="0" borderId="55" xfId="0" applyNumberFormat="1" applyFont="1" applyFill="1" applyBorder="1" applyAlignment="1">
      <alignment horizontal="right" vertical="center" wrapText="1"/>
    </xf>
    <xf numFmtId="49" fontId="4" fillId="0" borderId="8" xfId="0" applyNumberFormat="1" applyFont="1" applyFill="1" applyBorder="1" applyAlignment="1">
      <alignment horizontal="center" vertical="center" wrapText="1"/>
    </xf>
    <xf numFmtId="49" fontId="4" fillId="0" borderId="47" xfId="0" applyNumberFormat="1" applyFont="1" applyFill="1" applyBorder="1" applyAlignment="1">
      <alignment horizontal="center" vertical="center" wrapText="1"/>
    </xf>
    <xf numFmtId="49" fontId="4" fillId="0" borderId="53" xfId="0" applyNumberFormat="1" applyFont="1" applyFill="1" applyBorder="1" applyAlignment="1">
      <alignment horizontal="right" vertical="center" wrapText="1"/>
    </xf>
    <xf numFmtId="49" fontId="4" fillId="0" borderId="44" xfId="0" applyNumberFormat="1" applyFont="1" applyFill="1" applyBorder="1" applyAlignment="1">
      <alignment horizontal="right" vertical="center" wrapText="1"/>
    </xf>
    <xf numFmtId="0" fontId="4" fillId="6" borderId="56" xfId="0" applyFont="1" applyFill="1" applyBorder="1" applyAlignment="1">
      <alignment horizontal="left" vertical="center" wrapText="1"/>
    </xf>
    <xf numFmtId="49" fontId="4" fillId="0" borderId="57" xfId="0" applyNumberFormat="1" applyFont="1" applyFill="1" applyBorder="1" applyAlignment="1">
      <alignment horizontal="right" vertical="center" wrapText="1"/>
    </xf>
    <xf numFmtId="0" fontId="4" fillId="0" borderId="50" xfId="0" applyFont="1" applyFill="1" applyBorder="1" applyAlignment="1">
      <alignment horizontal="left" vertical="center" wrapText="1"/>
    </xf>
    <xf numFmtId="0" fontId="4" fillId="0" borderId="56" xfId="0" applyFont="1" applyFill="1" applyBorder="1" applyAlignment="1">
      <alignment horizontal="left" vertical="center" wrapText="1"/>
    </xf>
    <xf numFmtId="49" fontId="4" fillId="0" borderId="44" xfId="0" applyNumberFormat="1" applyFont="1" applyFill="1" applyBorder="1" applyAlignment="1">
      <alignment horizontal="center" vertical="center" wrapText="1"/>
    </xf>
    <xf numFmtId="0" fontId="4" fillId="6" borderId="24" xfId="0" applyFont="1" applyFill="1" applyBorder="1" applyAlignment="1">
      <alignment horizontal="left"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49" fontId="2" fillId="0" borderId="13" xfId="0" applyNumberFormat="1" applyFont="1" applyFill="1" applyBorder="1" applyAlignment="1">
      <alignment horizontal="center" vertical="center" wrapText="1"/>
    </xf>
    <xf numFmtId="0" fontId="2" fillId="0" borderId="58"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0" xfId="0" applyFont="1" applyAlignment="1">
      <alignment horizontal="center" vertical="center" wrapText="1"/>
    </xf>
    <xf numFmtId="0" fontId="2" fillId="6" borderId="9" xfId="0" applyFont="1" applyFill="1" applyBorder="1" applyAlignment="1">
      <alignment horizontal="left" vertical="center" wrapText="1" shrinkToFit="1"/>
    </xf>
    <xf numFmtId="0" fontId="2" fillId="6" borderId="35" xfId="0" applyFont="1" applyFill="1" applyBorder="1" applyAlignment="1">
      <alignment horizontal="left" vertical="center" wrapText="1" shrinkToFit="1"/>
    </xf>
    <xf numFmtId="49" fontId="2" fillId="6" borderId="23" xfId="0" applyNumberFormat="1" applyFont="1" applyFill="1" applyBorder="1" applyAlignment="1">
      <alignment horizontal="center" vertical="center"/>
    </xf>
    <xf numFmtId="0" fontId="2" fillId="6" borderId="23" xfId="0" applyNumberFormat="1" applyFont="1" applyFill="1" applyBorder="1" applyAlignment="1">
      <alignment horizontal="center" vertical="center"/>
    </xf>
    <xf numFmtId="0" fontId="4" fillId="0" borderId="12" xfId="0" applyFont="1" applyFill="1" applyBorder="1" applyAlignment="1">
      <alignment horizontal="center" vertical="center" wrapText="1"/>
    </xf>
    <xf numFmtId="49" fontId="4" fillId="0" borderId="22" xfId="0" applyNumberFormat="1" applyFont="1" applyFill="1" applyBorder="1" applyAlignment="1">
      <alignment horizontal="left" vertical="center" wrapText="1"/>
    </xf>
    <xf numFmtId="0" fontId="2" fillId="0" borderId="63" xfId="0" applyNumberFormat="1" applyFont="1" applyBorder="1" applyAlignment="1">
      <alignment horizontal="center" vertical="center" wrapText="1"/>
    </xf>
    <xf numFmtId="49" fontId="2" fillId="0" borderId="64" xfId="0" applyNumberFormat="1" applyFont="1" applyBorder="1" applyAlignment="1">
      <alignment horizontal="left" vertical="center" wrapText="1"/>
    </xf>
    <xf numFmtId="0" fontId="4" fillId="6" borderId="5" xfId="0" applyFont="1" applyFill="1" applyBorder="1" applyAlignment="1">
      <alignment horizontal="left" vertical="center" wrapText="1"/>
    </xf>
    <xf numFmtId="0" fontId="2" fillId="6" borderId="12" xfId="0" applyFont="1" applyFill="1" applyBorder="1" applyAlignment="1">
      <alignment vertical="center" wrapText="1" shrinkToFit="1"/>
    </xf>
    <xf numFmtId="0" fontId="2" fillId="6" borderId="12" xfId="0" applyFont="1" applyFill="1" applyBorder="1" applyAlignment="1">
      <alignment horizontal="left" vertical="center" wrapText="1" shrinkToFit="1"/>
    </xf>
    <xf numFmtId="0" fontId="2" fillId="6" borderId="0" xfId="0" applyFont="1" applyFill="1" applyAlignment="1">
      <alignment vertical="center"/>
    </xf>
    <xf numFmtId="49" fontId="4" fillId="6" borderId="12" xfId="0" applyNumberFormat="1" applyFont="1" applyFill="1" applyBorder="1" applyAlignment="1">
      <alignment horizontal="left" vertical="center" wrapText="1"/>
    </xf>
    <xf numFmtId="49" fontId="4" fillId="6" borderId="9" xfId="0" applyNumberFormat="1" applyFont="1" applyFill="1" applyBorder="1" applyAlignment="1">
      <alignment horizontal="left" vertical="center" wrapText="1"/>
    </xf>
    <xf numFmtId="0" fontId="4" fillId="0" borderId="30" xfId="0" applyFont="1" applyFill="1" applyBorder="1" applyAlignment="1">
      <alignment horizontal="left" vertical="center" wrapText="1"/>
    </xf>
    <xf numFmtId="0" fontId="4" fillId="6" borderId="65" xfId="0" applyFont="1" applyFill="1" applyBorder="1" applyAlignment="1">
      <alignment horizontal="left" vertical="center" wrapText="1"/>
    </xf>
    <xf numFmtId="0" fontId="4" fillId="0" borderId="66" xfId="0" applyFont="1" applyFill="1" applyBorder="1" applyAlignment="1">
      <alignment horizontal="left" vertical="center" wrapText="1"/>
    </xf>
    <xf numFmtId="0" fontId="4" fillId="6" borderId="12" xfId="0" applyFont="1" applyFill="1" applyBorder="1" applyAlignment="1">
      <alignment horizontal="center" vertical="center" wrapText="1"/>
    </xf>
    <xf numFmtId="3" fontId="4" fillId="6" borderId="12" xfId="0" applyNumberFormat="1" applyFont="1" applyFill="1" applyBorder="1" applyAlignment="1">
      <alignment horizontal="center" vertical="center" wrapText="1"/>
    </xf>
    <xf numFmtId="0" fontId="4" fillId="0" borderId="0" xfId="0" applyFont="1" applyFill="1" applyAlignment="1">
      <alignment horizontal="left" vertical="top"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0" borderId="0" xfId="0" applyNumberFormat="1"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left" wrapText="1"/>
    </xf>
    <xf numFmtId="0" fontId="4" fillId="0" borderId="0" xfId="0" applyFont="1" applyAlignment="1">
      <alignment horizontal="left" vertical="top" wrapText="1"/>
    </xf>
    <xf numFmtId="0" fontId="4" fillId="0" borderId="0" xfId="0" applyNumberFormat="1" applyFont="1" applyFill="1" applyAlignment="1">
      <alignment horizontal="left" vertical="top"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7" fillId="0" borderId="0" xfId="0" applyNumberFormat="1" applyFont="1" applyBorder="1" applyAlignment="1">
      <alignment horizontal="left" vertical="center"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49" fontId="3" fillId="2" borderId="61" xfId="0" applyNumberFormat="1" applyFont="1" applyFill="1" applyBorder="1" applyAlignment="1">
      <alignment horizontal="left" vertical="top" wrapText="1"/>
    </xf>
    <xf numFmtId="49" fontId="3" fillId="2" borderId="62" xfId="0" applyNumberFormat="1" applyFont="1" applyFill="1" applyBorder="1" applyAlignment="1">
      <alignment horizontal="left" vertical="top" wrapText="1"/>
    </xf>
    <xf numFmtId="0" fontId="3" fillId="2" borderId="59" xfId="0" applyFont="1" applyFill="1" applyBorder="1" applyAlignment="1">
      <alignment horizontal="center" vertical="top" wrapText="1"/>
    </xf>
    <xf numFmtId="0" fontId="3" fillId="2" borderId="60" xfId="0" applyFont="1" applyFill="1" applyBorder="1" applyAlignment="1">
      <alignment horizontal="center" vertical="top"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5" fillId="5" borderId="10"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13" fillId="6" borderId="38" xfId="0" applyNumberFormat="1" applyFont="1" applyFill="1" applyBorder="1" applyAlignment="1">
      <alignment horizontal="left" vertical="center" wrapText="1"/>
    </xf>
    <xf numFmtId="49" fontId="13" fillId="6" borderId="39" xfId="0" applyNumberFormat="1" applyFont="1" applyFill="1" applyBorder="1" applyAlignment="1">
      <alignment horizontal="left" vertical="center" wrapText="1"/>
    </xf>
    <xf numFmtId="49" fontId="3" fillId="5" borderId="42" xfId="0" applyNumberFormat="1" applyFont="1" applyFill="1" applyBorder="1" applyAlignment="1">
      <alignment horizontal="left" vertical="center"/>
    </xf>
    <xf numFmtId="49" fontId="3" fillId="5" borderId="27" xfId="0" applyNumberFormat="1" applyFont="1" applyFill="1" applyBorder="1" applyAlignment="1">
      <alignment horizontal="left" vertical="center"/>
    </xf>
    <xf numFmtId="49" fontId="3" fillId="5" borderId="28" xfId="0" applyNumberFormat="1" applyFont="1" applyFill="1" applyBorder="1" applyAlignment="1">
      <alignment horizontal="left" vertical="center"/>
    </xf>
    <xf numFmtId="49" fontId="3" fillId="5" borderId="38" xfId="0" applyNumberFormat="1" applyFont="1" applyFill="1" applyBorder="1" applyAlignment="1">
      <alignment horizontal="left" vertical="center"/>
    </xf>
    <xf numFmtId="49" fontId="3" fillId="5" borderId="39" xfId="0" applyNumberFormat="1" applyFont="1" applyFill="1" applyBorder="1" applyAlignment="1">
      <alignment horizontal="left" vertical="center"/>
    </xf>
    <xf numFmtId="49" fontId="3" fillId="5" borderId="35" xfId="0" applyNumberFormat="1" applyFont="1" applyFill="1" applyBorder="1" applyAlignment="1">
      <alignment horizontal="left" vertical="center"/>
    </xf>
    <xf numFmtId="0" fontId="2" fillId="3" borderId="12" xfId="0" applyFont="1" applyFill="1" applyBorder="1" applyAlignment="1">
      <alignment vertical="top" wrapText="1"/>
    </xf>
    <xf numFmtId="0" fontId="4" fillId="0" borderId="12" xfId="0" applyFont="1" applyFill="1" applyBorder="1" applyAlignment="1">
      <alignment vertical="center" wrapText="1"/>
    </xf>
    <xf numFmtId="0" fontId="4" fillId="6" borderId="12" xfId="0" applyFont="1" applyFill="1" applyBorder="1" applyAlignment="1">
      <alignment vertical="center" wrapText="1"/>
    </xf>
    <xf numFmtId="0" fontId="2" fillId="3" borderId="6" xfId="0" applyFont="1" applyFill="1" applyBorder="1" applyAlignment="1">
      <alignment horizontal="center" vertical="top" wrapText="1"/>
    </xf>
    <xf numFmtId="0" fontId="4" fillId="0" borderId="6" xfId="0" applyFont="1" applyFill="1" applyBorder="1" applyAlignment="1">
      <alignment horizontal="center"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3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4</xdr:row>
          <xdr:rowOff>0</xdr:rowOff>
        </xdr:from>
        <xdr:to>
          <xdr:col>1</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5</xdr:row>
          <xdr:rowOff>9525</xdr:rowOff>
        </xdr:from>
        <xdr:to>
          <xdr:col>1</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9525</xdr:rowOff>
        </xdr:from>
        <xdr:to>
          <xdr:col>1</xdr:col>
          <xdr:colOff>885825</xdr:colOff>
          <xdr:row>34</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5</xdr:row>
          <xdr:rowOff>0</xdr:rowOff>
        </xdr:from>
        <xdr:to>
          <xdr:col>1</xdr:col>
          <xdr:colOff>885825</xdr:colOff>
          <xdr:row>35</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N199"/>
  <sheetViews>
    <sheetView showGridLines="0" tabSelected="1" topLeftCell="A85" zoomScale="80" zoomScaleNormal="80" workbookViewId="0">
      <selection activeCell="K30" sqref="J29:K30"/>
    </sheetView>
  </sheetViews>
  <sheetFormatPr defaultRowHeight="12.75" x14ac:dyDescent="0.2"/>
  <cols>
    <col min="1" max="1" width="1.85546875" style="1" customWidth="1"/>
    <col min="2" max="2" width="15.42578125" style="1" customWidth="1"/>
    <col min="3" max="3" width="70.42578125" style="1" customWidth="1"/>
    <col min="4" max="4" width="19.42578125" style="8" customWidth="1"/>
    <col min="5" max="5" width="30.7109375" style="2" customWidth="1"/>
    <col min="6" max="6" width="17.140625" style="1" customWidth="1"/>
    <col min="7" max="7" width="9.140625" style="1"/>
    <col min="8" max="8" width="9.140625" style="1" customWidth="1"/>
    <col min="9" max="16384" width="9.140625" style="1"/>
  </cols>
  <sheetData>
    <row r="1" spans="2:5" ht="24" customHeight="1" x14ac:dyDescent="0.2">
      <c r="B1" s="167" t="s">
        <v>42</v>
      </c>
      <c r="C1" s="167"/>
      <c r="D1" s="167"/>
      <c r="E1" s="167"/>
    </row>
    <row r="2" spans="2:5" ht="27.75" customHeight="1" x14ac:dyDescent="0.2">
      <c r="B2" s="166" t="s">
        <v>40</v>
      </c>
      <c r="C2" s="166"/>
      <c r="D2" s="166"/>
      <c r="E2" s="166"/>
    </row>
    <row r="3" spans="2:5" ht="54.75" customHeight="1" x14ac:dyDescent="0.2">
      <c r="B3" s="172" t="s">
        <v>46</v>
      </c>
      <c r="C3" s="172"/>
      <c r="D3" s="172"/>
      <c r="E3" s="172"/>
    </row>
    <row r="4" spans="2:5" ht="24.95" customHeight="1" x14ac:dyDescent="0.2">
      <c r="B4" s="42" t="s">
        <v>45</v>
      </c>
      <c r="C4" s="43"/>
      <c r="D4" s="37"/>
      <c r="E4" s="37"/>
    </row>
    <row r="5" spans="2:5" ht="24.95" customHeight="1" x14ac:dyDescent="0.2">
      <c r="B5" s="42" t="s">
        <v>43</v>
      </c>
      <c r="C5" s="44"/>
      <c r="D5" s="37"/>
      <c r="E5" s="37"/>
    </row>
    <row r="6" spans="2:5" ht="5.0999999999999996" customHeight="1" x14ac:dyDescent="0.2">
      <c r="B6" s="37"/>
      <c r="C6" s="37"/>
      <c r="D6" s="37"/>
      <c r="E6" s="37"/>
    </row>
    <row r="7" spans="2:5" s="2" customFormat="1" ht="20.100000000000001" customHeight="1" x14ac:dyDescent="0.25">
      <c r="B7" s="146" t="s">
        <v>3</v>
      </c>
      <c r="C7" s="146"/>
      <c r="D7" s="146"/>
      <c r="E7" s="146"/>
    </row>
    <row r="8" spans="2:5" s="2" customFormat="1" ht="20.100000000000001" customHeight="1" x14ac:dyDescent="0.25">
      <c r="B8" s="173" t="s">
        <v>7</v>
      </c>
      <c r="C8" s="173"/>
      <c r="D8" s="173"/>
      <c r="E8" s="173"/>
    </row>
    <row r="9" spans="2:5" ht="24.95" customHeight="1" x14ac:dyDescent="0.2">
      <c r="B9" s="156" t="s">
        <v>177</v>
      </c>
      <c r="C9" s="156"/>
      <c r="D9" s="156"/>
      <c r="E9" s="156"/>
    </row>
    <row r="10" spans="2:5" ht="4.5" customHeight="1" x14ac:dyDescent="0.2">
      <c r="B10" s="39"/>
      <c r="C10" s="39"/>
      <c r="D10" s="39"/>
      <c r="E10" s="39"/>
    </row>
    <row r="11" spans="2:5" s="2" customFormat="1" ht="20.100000000000001" customHeight="1" x14ac:dyDescent="0.25">
      <c r="B11" s="174" t="s">
        <v>8</v>
      </c>
      <c r="C11" s="174"/>
      <c r="D11" s="174"/>
      <c r="E11" s="174"/>
    </row>
    <row r="12" spans="2:5" s="2" customFormat="1" ht="20.100000000000001" customHeight="1" x14ac:dyDescent="0.25">
      <c r="B12" s="145" t="s">
        <v>178</v>
      </c>
      <c r="C12" s="145"/>
      <c r="D12" s="145"/>
      <c r="E12" s="47"/>
    </row>
    <row r="13" spans="2:5" s="2" customFormat="1" ht="20.100000000000001" customHeight="1" x14ac:dyDescent="0.25">
      <c r="B13" s="145" t="s">
        <v>114</v>
      </c>
      <c r="C13" s="145"/>
      <c r="D13" s="74"/>
      <c r="E13" s="75"/>
    </row>
    <row r="14" spans="2:5" s="3" customFormat="1" ht="20.100000000000001" customHeight="1" x14ac:dyDescent="0.25">
      <c r="B14" s="145" t="s">
        <v>179</v>
      </c>
      <c r="C14" s="145"/>
      <c r="D14" s="145"/>
      <c r="E14" s="18"/>
    </row>
    <row r="15" spans="2:5" ht="4.5" customHeight="1" x14ac:dyDescent="0.2">
      <c r="B15" s="48"/>
      <c r="C15" s="48"/>
      <c r="D15" s="48"/>
      <c r="E15" s="39"/>
    </row>
    <row r="16" spans="2:5" ht="20.100000000000001" customHeight="1" x14ac:dyDescent="0.2">
      <c r="B16" s="38" t="s">
        <v>9</v>
      </c>
      <c r="C16" s="19"/>
      <c r="D16" s="19"/>
      <c r="E16" s="20"/>
    </row>
    <row r="17" spans="2:5" s="3" customFormat="1" ht="20.25" customHeight="1" x14ac:dyDescent="0.25">
      <c r="B17" s="155" t="s">
        <v>233</v>
      </c>
      <c r="C17" s="155"/>
      <c r="D17" s="155"/>
      <c r="E17" s="18"/>
    </row>
    <row r="18" spans="2:5" ht="5.0999999999999996" customHeight="1" x14ac:dyDescent="0.2">
      <c r="B18" s="154"/>
      <c r="C18" s="154"/>
      <c r="D18" s="154"/>
      <c r="E18" s="15"/>
    </row>
    <row r="19" spans="2:5" s="2" customFormat="1" ht="20.100000000000001" customHeight="1" x14ac:dyDescent="0.25">
      <c r="B19" s="146" t="s">
        <v>20</v>
      </c>
      <c r="C19" s="146"/>
      <c r="D19" s="146"/>
      <c r="E19" s="146"/>
    </row>
    <row r="20" spans="2:5" ht="19.5" customHeight="1" x14ac:dyDescent="0.2">
      <c r="B20" s="156" t="s">
        <v>177</v>
      </c>
      <c r="C20" s="156"/>
      <c r="D20" s="156"/>
      <c r="E20" s="156"/>
    </row>
    <row r="21" spans="2:5" ht="5.0999999999999996" customHeight="1" x14ac:dyDescent="0.2">
      <c r="B21" s="154"/>
      <c r="C21" s="154"/>
      <c r="D21" s="154"/>
      <c r="E21" s="15"/>
    </row>
    <row r="22" spans="2:5" s="2" customFormat="1" ht="20.100000000000001" customHeight="1" x14ac:dyDescent="0.25">
      <c r="B22" s="146" t="s">
        <v>21</v>
      </c>
      <c r="C22" s="146"/>
      <c r="D22" s="146"/>
      <c r="E22" s="146"/>
    </row>
    <row r="23" spans="2:5" s="9" customFormat="1" ht="20.100000000000001" customHeight="1" x14ac:dyDescent="0.25">
      <c r="B23" s="151" t="s">
        <v>4</v>
      </c>
      <c r="C23" s="151"/>
      <c r="D23" s="151"/>
      <c r="E23" s="151"/>
    </row>
    <row r="24" spans="2:5" s="9" customFormat="1" ht="20.100000000000001" customHeight="1" x14ac:dyDescent="0.25">
      <c r="B24" s="152" t="s">
        <v>14</v>
      </c>
      <c r="C24" s="153"/>
      <c r="D24" s="14"/>
      <c r="E24" s="14"/>
    </row>
    <row r="25" spans="2:5" s="9" customFormat="1" ht="20.100000000000001" customHeight="1" x14ac:dyDescent="0.25">
      <c r="B25" s="13"/>
      <c r="C25" s="13" t="s">
        <v>18</v>
      </c>
      <c r="D25" s="14"/>
      <c r="E25" s="14"/>
    </row>
    <row r="26" spans="2:5" s="9" customFormat="1" ht="20.100000000000001" customHeight="1" x14ac:dyDescent="0.25">
      <c r="B26" s="13"/>
      <c r="C26" s="13" t="s">
        <v>19</v>
      </c>
      <c r="D26" s="14"/>
      <c r="E26" s="14"/>
    </row>
    <row r="27" spans="2:5" s="9" customFormat="1" ht="20.100000000000001" customHeight="1" x14ac:dyDescent="0.25">
      <c r="B27" s="152" t="s">
        <v>15</v>
      </c>
      <c r="C27" s="153"/>
      <c r="D27" s="14"/>
      <c r="E27" s="14"/>
    </row>
    <row r="28" spans="2:5" s="9" customFormat="1" ht="31.5" customHeight="1" x14ac:dyDescent="0.25">
      <c r="B28" s="16" t="s">
        <v>16</v>
      </c>
      <c r="C28" s="186" t="s">
        <v>10</v>
      </c>
      <c r="D28" s="189" t="s">
        <v>234</v>
      </c>
      <c r="E28" s="17" t="s">
        <v>188</v>
      </c>
    </row>
    <row r="29" spans="2:5" s="9" customFormat="1" ht="24.95" customHeight="1" x14ac:dyDescent="0.25">
      <c r="B29" s="84" t="s">
        <v>12</v>
      </c>
      <c r="C29" s="187" t="s">
        <v>82</v>
      </c>
      <c r="D29" s="190" t="s">
        <v>235</v>
      </c>
      <c r="E29" s="130">
        <v>5</v>
      </c>
    </row>
    <row r="30" spans="2:5" s="9" customFormat="1" ht="24.95" customHeight="1" x14ac:dyDescent="0.25">
      <c r="B30" s="84" t="s">
        <v>51</v>
      </c>
      <c r="C30" s="25" t="s">
        <v>190</v>
      </c>
      <c r="D30" s="190" t="s">
        <v>235</v>
      </c>
      <c r="E30" s="143">
        <v>340</v>
      </c>
    </row>
    <row r="31" spans="2:5" s="9" customFormat="1" ht="24.95" customHeight="1" x14ac:dyDescent="0.25">
      <c r="B31" s="84" t="s">
        <v>52</v>
      </c>
      <c r="C31" s="25" t="s">
        <v>191</v>
      </c>
      <c r="D31" s="190" t="s">
        <v>235</v>
      </c>
      <c r="E31" s="143">
        <v>140</v>
      </c>
    </row>
    <row r="32" spans="2:5" s="9" customFormat="1" ht="24.95" customHeight="1" x14ac:dyDescent="0.25">
      <c r="B32" s="84" t="s">
        <v>53</v>
      </c>
      <c r="C32" s="188" t="s">
        <v>189</v>
      </c>
      <c r="D32" s="190" t="s">
        <v>235</v>
      </c>
      <c r="E32" s="144">
        <v>3350</v>
      </c>
    </row>
    <row r="33" spans="2:6" s="9" customFormat="1" ht="4.5" customHeight="1" x14ac:dyDescent="0.25">
      <c r="B33" s="14"/>
      <c r="C33" s="14"/>
      <c r="D33" s="14"/>
      <c r="E33" s="14"/>
    </row>
    <row r="34" spans="2:6" s="9" customFormat="1" ht="20.100000000000001" customHeight="1" x14ac:dyDescent="0.25">
      <c r="B34" s="152" t="s">
        <v>17</v>
      </c>
      <c r="C34" s="153"/>
      <c r="D34" s="14"/>
      <c r="E34" s="14"/>
    </row>
    <row r="35" spans="2:6" s="9" customFormat="1" ht="20.100000000000001" customHeight="1" x14ac:dyDescent="0.2">
      <c r="B35" s="10"/>
      <c r="C35" s="9" t="s">
        <v>1</v>
      </c>
      <c r="D35" s="14"/>
      <c r="E35" s="14"/>
    </row>
    <row r="36" spans="2:6" s="9" customFormat="1" ht="20.100000000000001" customHeight="1" x14ac:dyDescent="0.25">
      <c r="B36" s="13"/>
      <c r="C36" s="2" t="s">
        <v>2</v>
      </c>
      <c r="D36" s="14"/>
      <c r="E36" s="14"/>
    </row>
    <row r="37" spans="2:6" ht="5.0999999999999996" customHeight="1" x14ac:dyDescent="0.2"/>
    <row r="38" spans="2:6" s="2" customFormat="1" ht="20.100000000000001" customHeight="1" x14ac:dyDescent="0.25">
      <c r="B38" s="146" t="s">
        <v>22</v>
      </c>
      <c r="C38" s="146"/>
      <c r="D38" s="146"/>
      <c r="E38" s="146"/>
    </row>
    <row r="39" spans="2:6" s="2" customFormat="1" ht="5.0999999999999996" customHeight="1" thickBot="1" x14ac:dyDescent="0.3">
      <c r="B39" s="15"/>
      <c r="D39" s="6"/>
      <c r="E39" s="6"/>
    </row>
    <row r="40" spans="2:6" s="3" customFormat="1" ht="94.5" customHeight="1" x14ac:dyDescent="0.25">
      <c r="B40" s="147" t="s">
        <v>0</v>
      </c>
      <c r="C40" s="148"/>
      <c r="D40" s="164" t="s">
        <v>23</v>
      </c>
      <c r="E40" s="165"/>
      <c r="F40" s="21"/>
    </row>
    <row r="41" spans="2:6" s="3" customFormat="1" ht="30" customHeight="1" thickBot="1" x14ac:dyDescent="0.3">
      <c r="B41" s="149"/>
      <c r="C41" s="150"/>
      <c r="D41" s="22" t="s">
        <v>24</v>
      </c>
      <c r="E41" s="65"/>
    </row>
    <row r="42" spans="2:6" s="23" customFormat="1" ht="30.75" customHeight="1" x14ac:dyDescent="0.25">
      <c r="B42" s="175" t="s">
        <v>103</v>
      </c>
      <c r="C42" s="176"/>
      <c r="D42" s="176"/>
      <c r="E42" s="177"/>
    </row>
    <row r="43" spans="2:6" s="4" customFormat="1" ht="29.25" customHeight="1" x14ac:dyDescent="0.25">
      <c r="B43" s="45" t="s">
        <v>12</v>
      </c>
      <c r="C43" s="81" t="s">
        <v>193</v>
      </c>
      <c r="D43" s="52"/>
      <c r="E43" s="73"/>
    </row>
    <row r="44" spans="2:6" s="4" customFormat="1" ht="32.25" customHeight="1" x14ac:dyDescent="0.25">
      <c r="B44" s="45" t="s">
        <v>51</v>
      </c>
      <c r="C44" s="126" t="s">
        <v>180</v>
      </c>
      <c r="D44" s="52"/>
      <c r="E44" s="62"/>
    </row>
    <row r="45" spans="2:6" s="4" customFormat="1" ht="29.25" customHeight="1" x14ac:dyDescent="0.25">
      <c r="B45" s="45" t="s">
        <v>52</v>
      </c>
      <c r="C45" s="82" t="s">
        <v>83</v>
      </c>
      <c r="D45" s="52"/>
      <c r="E45" s="62"/>
    </row>
    <row r="46" spans="2:6" s="4" customFormat="1" ht="42.75" customHeight="1" x14ac:dyDescent="0.25">
      <c r="B46" s="45" t="s">
        <v>53</v>
      </c>
      <c r="C46" s="82" t="s">
        <v>84</v>
      </c>
      <c r="D46" s="54"/>
      <c r="E46" s="67"/>
    </row>
    <row r="47" spans="2:6" s="4" customFormat="1" ht="29.25" customHeight="1" x14ac:dyDescent="0.25">
      <c r="B47" s="45" t="s">
        <v>54</v>
      </c>
      <c r="C47" s="83" t="s">
        <v>85</v>
      </c>
      <c r="D47" s="54"/>
      <c r="E47" s="62"/>
    </row>
    <row r="48" spans="2:6" s="4" customFormat="1" ht="29.25" customHeight="1" x14ac:dyDescent="0.25">
      <c r="B48" s="45" t="s">
        <v>55</v>
      </c>
      <c r="C48" s="135" t="s">
        <v>195</v>
      </c>
      <c r="D48" s="55"/>
      <c r="E48" s="79"/>
    </row>
    <row r="49" spans="2:5" s="4" customFormat="1" ht="41.25" customHeight="1" x14ac:dyDescent="0.25">
      <c r="B49" s="56" t="s">
        <v>56</v>
      </c>
      <c r="C49" s="83" t="s">
        <v>86</v>
      </c>
      <c r="D49" s="52"/>
      <c r="E49" s="62"/>
    </row>
    <row r="50" spans="2:5" s="4" customFormat="1" ht="29.25" customHeight="1" x14ac:dyDescent="0.25">
      <c r="B50" s="45" t="s">
        <v>57</v>
      </c>
      <c r="C50" s="82" t="s">
        <v>87</v>
      </c>
      <c r="D50" s="52"/>
      <c r="E50" s="62"/>
    </row>
    <row r="51" spans="2:5" s="4" customFormat="1" ht="29.25" customHeight="1" x14ac:dyDescent="0.25">
      <c r="B51" s="45" t="s">
        <v>58</v>
      </c>
      <c r="C51" s="82" t="s">
        <v>88</v>
      </c>
      <c r="D51" s="52"/>
      <c r="E51" s="62"/>
    </row>
    <row r="52" spans="2:5" s="4" customFormat="1" ht="29.25" customHeight="1" x14ac:dyDescent="0.25">
      <c r="B52" s="128" t="s">
        <v>59</v>
      </c>
      <c r="C52" s="126" t="s">
        <v>181</v>
      </c>
      <c r="D52" s="76"/>
      <c r="E52" s="73"/>
    </row>
    <row r="53" spans="2:5" s="4" customFormat="1" ht="29.25" customHeight="1" x14ac:dyDescent="0.25">
      <c r="B53" s="45" t="s">
        <v>115</v>
      </c>
      <c r="C53" s="82" t="s">
        <v>104</v>
      </c>
      <c r="D53" s="57"/>
      <c r="E53" s="66"/>
    </row>
    <row r="54" spans="2:5" s="4" customFormat="1" ht="39.75" customHeight="1" x14ac:dyDescent="0.25">
      <c r="B54" s="128" t="s">
        <v>61</v>
      </c>
      <c r="C54" s="82" t="s">
        <v>230</v>
      </c>
      <c r="D54" s="58"/>
      <c r="E54" s="59"/>
    </row>
    <row r="55" spans="2:5" s="4" customFormat="1" ht="29.25" customHeight="1" x14ac:dyDescent="0.25">
      <c r="B55" s="128" t="s">
        <v>62</v>
      </c>
      <c r="C55" s="82" t="s">
        <v>89</v>
      </c>
      <c r="D55" s="52"/>
      <c r="E55" s="62"/>
    </row>
    <row r="56" spans="2:5" s="4" customFormat="1" ht="29.25" customHeight="1" x14ac:dyDescent="0.25">
      <c r="B56" s="129" t="s">
        <v>63</v>
      </c>
      <c r="C56" s="82" t="s">
        <v>105</v>
      </c>
      <c r="D56" s="52"/>
      <c r="E56" s="62"/>
    </row>
    <row r="57" spans="2:5" s="4" customFormat="1" ht="29.25" customHeight="1" x14ac:dyDescent="0.25">
      <c r="B57" s="45" t="s">
        <v>200</v>
      </c>
      <c r="C57" s="136" t="s">
        <v>194</v>
      </c>
      <c r="D57" s="52"/>
      <c r="E57" s="62"/>
    </row>
    <row r="58" spans="2:5" s="4" customFormat="1" ht="29.25" customHeight="1" x14ac:dyDescent="0.25">
      <c r="B58" s="56" t="s">
        <v>201</v>
      </c>
      <c r="C58" s="82" t="s">
        <v>90</v>
      </c>
      <c r="D58" s="52"/>
      <c r="E58" s="62"/>
    </row>
    <row r="59" spans="2:5" s="4" customFormat="1" ht="29.25" customHeight="1" x14ac:dyDescent="0.25">
      <c r="B59" s="45" t="s">
        <v>202</v>
      </c>
      <c r="C59" s="82" t="s">
        <v>91</v>
      </c>
      <c r="D59" s="54"/>
      <c r="E59" s="67"/>
    </row>
    <row r="60" spans="2:5" s="4" customFormat="1" ht="29.25" customHeight="1" x14ac:dyDescent="0.25">
      <c r="B60" s="45" t="s">
        <v>203</v>
      </c>
      <c r="C60" s="82" t="s">
        <v>106</v>
      </c>
      <c r="D60" s="52"/>
      <c r="E60" s="62"/>
    </row>
    <row r="61" spans="2:5" s="4" customFormat="1" ht="43.5" customHeight="1" x14ac:dyDescent="0.25">
      <c r="B61" s="45" t="s">
        <v>204</v>
      </c>
      <c r="C61" s="136" t="s">
        <v>198</v>
      </c>
      <c r="D61" s="55"/>
      <c r="E61" s="63"/>
    </row>
    <row r="62" spans="2:5" s="4" customFormat="1" ht="29.25" customHeight="1" x14ac:dyDescent="0.25">
      <c r="B62" s="56" t="s">
        <v>205</v>
      </c>
      <c r="C62" s="82" t="s">
        <v>92</v>
      </c>
      <c r="D62" s="52"/>
      <c r="E62" s="62"/>
    </row>
    <row r="63" spans="2:5" s="4" customFormat="1" ht="29.25" customHeight="1" x14ac:dyDescent="0.25">
      <c r="B63" s="56" t="s">
        <v>206</v>
      </c>
      <c r="C63" s="82" t="s">
        <v>93</v>
      </c>
      <c r="D63" s="52"/>
      <c r="E63" s="62"/>
    </row>
    <row r="64" spans="2:5" s="4" customFormat="1" ht="29.25" customHeight="1" x14ac:dyDescent="0.25">
      <c r="B64" s="56" t="s">
        <v>207</v>
      </c>
      <c r="C64" s="82" t="s">
        <v>94</v>
      </c>
      <c r="D64" s="52"/>
      <c r="E64" s="62"/>
    </row>
    <row r="65" spans="2:14" s="4" customFormat="1" ht="29.25" customHeight="1" x14ac:dyDescent="0.25">
      <c r="B65" s="56" t="s">
        <v>208</v>
      </c>
      <c r="C65" s="126" t="s">
        <v>182</v>
      </c>
      <c r="D65" s="52"/>
      <c r="E65" s="62"/>
    </row>
    <row r="66" spans="2:14" s="4" customFormat="1" ht="29.25" customHeight="1" x14ac:dyDescent="0.25">
      <c r="B66" s="56" t="s">
        <v>209</v>
      </c>
      <c r="C66" s="82" t="s">
        <v>95</v>
      </c>
      <c r="D66" s="52"/>
      <c r="E66" s="62"/>
    </row>
    <row r="67" spans="2:14" s="4" customFormat="1" ht="29.25" customHeight="1" x14ac:dyDescent="0.25">
      <c r="B67" s="56" t="s">
        <v>210</v>
      </c>
      <c r="C67" s="82" t="s">
        <v>96</v>
      </c>
      <c r="D67" s="55"/>
      <c r="E67" s="63"/>
    </row>
    <row r="68" spans="2:14" s="4" customFormat="1" ht="29.25" customHeight="1" x14ac:dyDescent="0.25">
      <c r="B68" s="56" t="s">
        <v>211</v>
      </c>
      <c r="C68" s="82" t="s">
        <v>175</v>
      </c>
      <c r="D68" s="52"/>
      <c r="E68" s="62"/>
    </row>
    <row r="69" spans="2:14" s="4" customFormat="1" ht="29.25" customHeight="1" x14ac:dyDescent="0.25">
      <c r="B69" s="56" t="s">
        <v>212</v>
      </c>
      <c r="C69" s="127" t="s">
        <v>183</v>
      </c>
      <c r="D69" s="52"/>
      <c r="E69" s="73"/>
    </row>
    <row r="70" spans="2:14" s="4" customFormat="1" ht="40.5" customHeight="1" x14ac:dyDescent="0.25">
      <c r="B70" s="45" t="s">
        <v>213</v>
      </c>
      <c r="C70" s="127" t="s">
        <v>184</v>
      </c>
      <c r="D70" s="52"/>
      <c r="E70" s="73"/>
    </row>
    <row r="71" spans="2:14" s="4" customFormat="1" ht="29.25" customHeight="1" x14ac:dyDescent="0.25">
      <c r="B71" s="178" t="s">
        <v>97</v>
      </c>
      <c r="C71" s="179"/>
      <c r="D71" s="52"/>
      <c r="E71" s="78"/>
    </row>
    <row r="72" spans="2:14" s="4" customFormat="1" ht="29.25" customHeight="1" x14ac:dyDescent="0.25">
      <c r="B72" s="56" t="s">
        <v>12</v>
      </c>
      <c r="C72" s="82" t="s">
        <v>98</v>
      </c>
      <c r="D72" s="52"/>
      <c r="E72" s="62"/>
    </row>
    <row r="73" spans="2:14" s="4" customFormat="1" ht="29.25" customHeight="1" x14ac:dyDescent="0.25">
      <c r="B73" s="56" t="s">
        <v>51</v>
      </c>
      <c r="C73" s="82" t="s">
        <v>99</v>
      </c>
      <c r="D73" s="52"/>
      <c r="E73" s="62"/>
    </row>
    <row r="74" spans="2:14" s="4" customFormat="1" ht="29.25" customHeight="1" x14ac:dyDescent="0.25">
      <c r="B74" s="56" t="s">
        <v>52</v>
      </c>
      <c r="C74" s="82" t="s">
        <v>100</v>
      </c>
      <c r="D74" s="52"/>
      <c r="E74" s="62"/>
    </row>
    <row r="75" spans="2:14" s="4" customFormat="1" ht="30" customHeight="1" x14ac:dyDescent="0.25">
      <c r="B75" s="56" t="s">
        <v>53</v>
      </c>
      <c r="C75" s="82" t="s">
        <v>185</v>
      </c>
      <c r="D75" s="52"/>
      <c r="E75" s="62"/>
    </row>
    <row r="76" spans="2:14" s="4" customFormat="1" ht="28.5" customHeight="1" x14ac:dyDescent="0.25">
      <c r="B76" s="56" t="s">
        <v>54</v>
      </c>
      <c r="C76" s="126" t="s">
        <v>176</v>
      </c>
      <c r="D76" s="52"/>
      <c r="E76" s="62"/>
    </row>
    <row r="77" spans="2:14" s="4" customFormat="1" ht="40.5" customHeight="1" x14ac:dyDescent="0.25">
      <c r="B77" s="56" t="s">
        <v>55</v>
      </c>
      <c r="C77" s="136" t="s">
        <v>214</v>
      </c>
      <c r="D77" s="52"/>
      <c r="E77" s="62"/>
    </row>
    <row r="78" spans="2:14" s="4" customFormat="1" ht="29.25" customHeight="1" x14ac:dyDescent="0.25">
      <c r="B78" s="180" t="s">
        <v>186</v>
      </c>
      <c r="C78" s="181"/>
      <c r="D78" s="181"/>
      <c r="E78" s="182"/>
      <c r="M78" s="137"/>
      <c r="N78" s="137"/>
    </row>
    <row r="79" spans="2:14" s="4" customFormat="1" ht="29.25" customHeight="1" x14ac:dyDescent="0.25">
      <c r="B79" s="56" t="s">
        <v>12</v>
      </c>
      <c r="C79" s="49" t="s">
        <v>116</v>
      </c>
      <c r="D79" s="76"/>
      <c r="E79" s="77"/>
    </row>
    <row r="80" spans="2:14" s="4" customFormat="1" ht="29.25" customHeight="1" x14ac:dyDescent="0.25">
      <c r="B80" s="56" t="s">
        <v>51</v>
      </c>
      <c r="C80" s="49" t="s">
        <v>108</v>
      </c>
      <c r="D80" s="76"/>
      <c r="E80" s="77"/>
    </row>
    <row r="81" spans="2:5" s="4" customFormat="1" ht="29.25" customHeight="1" x14ac:dyDescent="0.25">
      <c r="B81" s="56" t="s">
        <v>107</v>
      </c>
      <c r="C81" s="49" t="s">
        <v>109</v>
      </c>
      <c r="D81" s="76"/>
      <c r="E81" s="77"/>
    </row>
    <row r="82" spans="2:5" s="4" customFormat="1" ht="29.25" customHeight="1" x14ac:dyDescent="0.25">
      <c r="B82" s="56" t="s">
        <v>53</v>
      </c>
      <c r="C82" s="49" t="s">
        <v>110</v>
      </c>
      <c r="D82" s="76"/>
      <c r="E82" s="77"/>
    </row>
    <row r="83" spans="2:5" s="4" customFormat="1" ht="29.25" customHeight="1" x14ac:dyDescent="0.25">
      <c r="B83" s="56" t="s">
        <v>54</v>
      </c>
      <c r="C83" s="49" t="s">
        <v>111</v>
      </c>
      <c r="D83" s="76"/>
      <c r="E83" s="77"/>
    </row>
    <row r="84" spans="2:5" s="4" customFormat="1" ht="29.25" customHeight="1" x14ac:dyDescent="0.25">
      <c r="B84" s="56" t="s">
        <v>55</v>
      </c>
      <c r="C84" s="49" t="s">
        <v>112</v>
      </c>
      <c r="D84" s="76"/>
      <c r="E84" s="77"/>
    </row>
    <row r="85" spans="2:5" s="4" customFormat="1" ht="29.25" customHeight="1" x14ac:dyDescent="0.25">
      <c r="B85" s="56" t="s">
        <v>56</v>
      </c>
      <c r="C85" s="138" t="s">
        <v>197</v>
      </c>
      <c r="D85" s="76"/>
      <c r="E85" s="77"/>
    </row>
    <row r="86" spans="2:5" s="4" customFormat="1" ht="34.5" customHeight="1" x14ac:dyDescent="0.25">
      <c r="B86" s="56" t="s">
        <v>57</v>
      </c>
      <c r="C86" s="139" t="s">
        <v>199</v>
      </c>
      <c r="D86" s="76"/>
      <c r="E86" s="77"/>
    </row>
    <row r="87" spans="2:5" s="4" customFormat="1" ht="43.5" customHeight="1" x14ac:dyDescent="0.25">
      <c r="B87" s="45" t="s">
        <v>58</v>
      </c>
      <c r="C87" s="80" t="s">
        <v>113</v>
      </c>
      <c r="D87" s="52"/>
      <c r="E87" s="62"/>
    </row>
    <row r="88" spans="2:5" s="4" customFormat="1" ht="29.25" customHeight="1" x14ac:dyDescent="0.25">
      <c r="B88" s="183" t="s">
        <v>187</v>
      </c>
      <c r="C88" s="184"/>
      <c r="D88" s="184"/>
      <c r="E88" s="185"/>
    </row>
    <row r="89" spans="2:5" s="4" customFormat="1" ht="29.25" customHeight="1" x14ac:dyDescent="0.25">
      <c r="B89" s="56" t="s">
        <v>12</v>
      </c>
      <c r="C89" s="49" t="s">
        <v>116</v>
      </c>
      <c r="D89" s="76"/>
      <c r="E89" s="77"/>
    </row>
    <row r="90" spans="2:5" s="4" customFormat="1" ht="29.25" customHeight="1" x14ac:dyDescent="0.25">
      <c r="B90" s="56" t="s">
        <v>51</v>
      </c>
      <c r="C90" s="49" t="s">
        <v>108</v>
      </c>
      <c r="D90" s="76"/>
      <c r="E90" s="77"/>
    </row>
    <row r="91" spans="2:5" s="4" customFormat="1" ht="29.25" customHeight="1" x14ac:dyDescent="0.25">
      <c r="B91" s="56" t="s">
        <v>107</v>
      </c>
      <c r="C91" s="49" t="s">
        <v>109</v>
      </c>
      <c r="D91" s="76"/>
      <c r="E91" s="77"/>
    </row>
    <row r="92" spans="2:5" s="4" customFormat="1" ht="29.25" customHeight="1" x14ac:dyDescent="0.25">
      <c r="B92" s="56" t="s">
        <v>53</v>
      </c>
      <c r="C92" s="49" t="s">
        <v>110</v>
      </c>
      <c r="D92" s="76"/>
      <c r="E92" s="77"/>
    </row>
    <row r="93" spans="2:5" s="4" customFormat="1" ht="29.25" customHeight="1" x14ac:dyDescent="0.25">
      <c r="B93" s="56" t="s">
        <v>54</v>
      </c>
      <c r="C93" s="49" t="s">
        <v>111</v>
      </c>
      <c r="D93" s="76"/>
      <c r="E93" s="77"/>
    </row>
    <row r="94" spans="2:5" s="4" customFormat="1" ht="29.25" customHeight="1" x14ac:dyDescent="0.25">
      <c r="B94" s="56" t="s">
        <v>55</v>
      </c>
      <c r="C94" s="49" t="s">
        <v>112</v>
      </c>
      <c r="D94" s="76"/>
      <c r="E94" s="77"/>
    </row>
    <row r="95" spans="2:5" s="4" customFormat="1" ht="29.25" customHeight="1" x14ac:dyDescent="0.25">
      <c r="B95" s="56" t="s">
        <v>56</v>
      </c>
      <c r="C95" s="138" t="s">
        <v>196</v>
      </c>
      <c r="D95" s="76"/>
      <c r="E95" s="77"/>
    </row>
    <row r="96" spans="2:5" s="4" customFormat="1" ht="43.5" customHeight="1" x14ac:dyDescent="0.25">
      <c r="B96" s="45" t="s">
        <v>57</v>
      </c>
      <c r="C96" s="80" t="s">
        <v>113</v>
      </c>
      <c r="D96" s="76"/>
      <c r="E96" s="62"/>
    </row>
    <row r="97" spans="2:5" s="4" customFormat="1" ht="29.25" customHeight="1" x14ac:dyDescent="0.25">
      <c r="B97" s="183" t="s">
        <v>192</v>
      </c>
      <c r="C97" s="184"/>
      <c r="D97" s="184"/>
      <c r="E97" s="185"/>
    </row>
    <row r="98" spans="2:5" s="4" customFormat="1" ht="31.5" customHeight="1" thickBot="1" x14ac:dyDescent="0.3">
      <c r="B98" s="60" t="s">
        <v>12</v>
      </c>
      <c r="C98" s="131" t="s">
        <v>189</v>
      </c>
      <c r="D98" s="132"/>
      <c r="E98" s="133"/>
    </row>
    <row r="99" spans="2:5" s="3" customFormat="1" ht="5.0999999999999996" customHeight="1" x14ac:dyDescent="0.25">
      <c r="B99" s="5"/>
      <c r="C99" s="5"/>
      <c r="D99" s="7"/>
      <c r="E99" s="24"/>
    </row>
    <row r="100" spans="2:5" s="2" customFormat="1" ht="20.100000000000001" customHeight="1" x14ac:dyDescent="0.25">
      <c r="B100" s="146" t="s">
        <v>41</v>
      </c>
      <c r="C100" s="146"/>
      <c r="D100" s="146"/>
      <c r="E100" s="146"/>
    </row>
    <row r="101" spans="2:5" s="2" customFormat="1" ht="5.0999999999999996" customHeight="1" thickBot="1" x14ac:dyDescent="0.3">
      <c r="B101" s="15"/>
      <c r="D101" s="125"/>
      <c r="E101" s="125"/>
    </row>
    <row r="102" spans="2:5" s="3" customFormat="1" ht="86.25" customHeight="1" x14ac:dyDescent="0.25">
      <c r="B102" s="147" t="s">
        <v>6</v>
      </c>
      <c r="C102" s="168"/>
      <c r="D102" s="170" t="s">
        <v>25</v>
      </c>
      <c r="E102" s="171"/>
    </row>
    <row r="103" spans="2:5" s="3" customFormat="1" ht="39.75" customHeight="1" thickBot="1" x14ac:dyDescent="0.3">
      <c r="B103" s="149"/>
      <c r="C103" s="169"/>
      <c r="D103" s="22" t="s">
        <v>5</v>
      </c>
      <c r="E103" s="69"/>
    </row>
    <row r="104" spans="2:5" s="2" customFormat="1" ht="68.25" customHeight="1" x14ac:dyDescent="0.25">
      <c r="B104" s="87" t="s">
        <v>12</v>
      </c>
      <c r="C104" s="95" t="s">
        <v>215</v>
      </c>
      <c r="D104" s="52"/>
      <c r="E104" s="64"/>
    </row>
    <row r="105" spans="2:5" s="2" customFormat="1" ht="29.25" customHeight="1" x14ac:dyDescent="0.25">
      <c r="B105" s="96" t="s">
        <v>51</v>
      </c>
      <c r="C105" s="97" t="s">
        <v>119</v>
      </c>
      <c r="D105" s="52"/>
      <c r="E105" s="64"/>
    </row>
    <row r="106" spans="2:5" s="2" customFormat="1" ht="50.25" customHeight="1" x14ac:dyDescent="0.25">
      <c r="B106" s="98" t="s">
        <v>67</v>
      </c>
      <c r="C106" s="99" t="s">
        <v>216</v>
      </c>
      <c r="D106" s="52"/>
      <c r="E106" s="64"/>
    </row>
    <row r="107" spans="2:5" s="2" customFormat="1" ht="35.25" customHeight="1" x14ac:dyDescent="0.25">
      <c r="B107" s="100" t="s">
        <v>68</v>
      </c>
      <c r="C107" s="101" t="s">
        <v>120</v>
      </c>
      <c r="D107" s="52"/>
      <c r="E107" s="64"/>
    </row>
    <row r="108" spans="2:5" s="2" customFormat="1" ht="24.95" customHeight="1" x14ac:dyDescent="0.25">
      <c r="B108" s="100" t="s">
        <v>69</v>
      </c>
      <c r="C108" s="99" t="s">
        <v>217</v>
      </c>
      <c r="D108" s="52"/>
      <c r="E108" s="64"/>
    </row>
    <row r="109" spans="2:5" s="2" customFormat="1" ht="59.25" customHeight="1" x14ac:dyDescent="0.25">
      <c r="B109" s="102" t="s">
        <v>70</v>
      </c>
      <c r="C109" s="99" t="s">
        <v>121</v>
      </c>
      <c r="D109" s="52"/>
      <c r="E109" s="64"/>
    </row>
    <row r="110" spans="2:5" s="2" customFormat="1" ht="45.75" customHeight="1" x14ac:dyDescent="0.25">
      <c r="B110" s="102" t="s">
        <v>71</v>
      </c>
      <c r="C110" s="99" t="s">
        <v>231</v>
      </c>
      <c r="D110" s="52"/>
      <c r="E110" s="64"/>
    </row>
    <row r="111" spans="2:5" s="2" customFormat="1" ht="128.25" customHeight="1" x14ac:dyDescent="0.25">
      <c r="B111" s="103" t="s">
        <v>72</v>
      </c>
      <c r="C111" s="104" t="s">
        <v>122</v>
      </c>
      <c r="D111" s="52"/>
      <c r="E111" s="64"/>
    </row>
    <row r="112" spans="2:5" s="2" customFormat="1" ht="47.25" customHeight="1" x14ac:dyDescent="0.25">
      <c r="B112" s="50" t="s">
        <v>52</v>
      </c>
      <c r="C112" s="134" t="s">
        <v>123</v>
      </c>
      <c r="D112" s="52"/>
      <c r="E112" s="64"/>
    </row>
    <row r="113" spans="2:5" s="2" customFormat="1" ht="114.75" customHeight="1" x14ac:dyDescent="0.25">
      <c r="B113" s="50" t="s">
        <v>53</v>
      </c>
      <c r="C113" s="134" t="s">
        <v>218</v>
      </c>
      <c r="D113" s="52"/>
      <c r="E113" s="64"/>
    </row>
    <row r="114" spans="2:5" s="2" customFormat="1" ht="70.5" customHeight="1" x14ac:dyDescent="0.25">
      <c r="B114" s="50" t="s">
        <v>54</v>
      </c>
      <c r="C114" s="134" t="s">
        <v>124</v>
      </c>
      <c r="D114" s="52"/>
      <c r="E114" s="64"/>
    </row>
    <row r="115" spans="2:5" s="2" customFormat="1" ht="83.25" customHeight="1" x14ac:dyDescent="0.25">
      <c r="B115" s="50" t="s">
        <v>55</v>
      </c>
      <c r="C115" s="134" t="s">
        <v>125</v>
      </c>
      <c r="D115" s="52"/>
      <c r="E115" s="64"/>
    </row>
    <row r="116" spans="2:5" s="2" customFormat="1" ht="58.5" customHeight="1" x14ac:dyDescent="0.25">
      <c r="B116" s="50" t="s">
        <v>56</v>
      </c>
      <c r="C116" s="25" t="s">
        <v>126</v>
      </c>
      <c r="D116" s="52"/>
      <c r="E116" s="64"/>
    </row>
    <row r="117" spans="2:5" s="2" customFormat="1" ht="25.5" customHeight="1" x14ac:dyDescent="0.25">
      <c r="B117" s="96" t="s">
        <v>57</v>
      </c>
      <c r="C117" s="140" t="s">
        <v>127</v>
      </c>
      <c r="D117" s="52"/>
      <c r="E117" s="68"/>
    </row>
    <row r="118" spans="2:5" s="2" customFormat="1" ht="29.25" customHeight="1" x14ac:dyDescent="0.25">
      <c r="B118" s="102" t="s">
        <v>128</v>
      </c>
      <c r="C118" s="141" t="s">
        <v>219</v>
      </c>
      <c r="D118" s="52"/>
      <c r="E118" s="64"/>
    </row>
    <row r="119" spans="2:5" s="2" customFormat="1" ht="34.5" customHeight="1" x14ac:dyDescent="0.25">
      <c r="B119" s="102" t="s">
        <v>129</v>
      </c>
      <c r="C119" s="142" t="s">
        <v>120</v>
      </c>
      <c r="D119" s="52"/>
      <c r="E119" s="64"/>
    </row>
    <row r="120" spans="2:5" s="2" customFormat="1" ht="29.25" customHeight="1" x14ac:dyDescent="0.25">
      <c r="B120" s="102" t="s">
        <v>130</v>
      </c>
      <c r="C120" s="142" t="s">
        <v>131</v>
      </c>
      <c r="D120" s="52"/>
      <c r="E120" s="64"/>
    </row>
    <row r="121" spans="2:5" s="2" customFormat="1" ht="47.25" customHeight="1" x14ac:dyDescent="0.25">
      <c r="B121" s="102" t="s">
        <v>132</v>
      </c>
      <c r="C121" s="142" t="s">
        <v>133</v>
      </c>
      <c r="D121" s="52"/>
      <c r="E121" s="64"/>
    </row>
    <row r="122" spans="2:5" s="2" customFormat="1" ht="127.5" customHeight="1" x14ac:dyDescent="0.25">
      <c r="B122" s="109" t="s">
        <v>134</v>
      </c>
      <c r="C122" s="104" t="s">
        <v>135</v>
      </c>
      <c r="D122" s="52"/>
      <c r="E122" s="64"/>
    </row>
    <row r="123" spans="2:5" s="2" customFormat="1" ht="123.75" customHeight="1" x14ac:dyDescent="0.25">
      <c r="B123" s="50" t="s">
        <v>58</v>
      </c>
      <c r="C123" s="25" t="s">
        <v>220</v>
      </c>
      <c r="D123" s="52"/>
      <c r="E123" s="64"/>
    </row>
    <row r="124" spans="2:5" s="2" customFormat="1" ht="60" customHeight="1" x14ac:dyDescent="0.25">
      <c r="B124" s="50" t="s">
        <v>59</v>
      </c>
      <c r="C124" s="134" t="s">
        <v>136</v>
      </c>
      <c r="D124" s="52"/>
      <c r="E124" s="64"/>
    </row>
    <row r="125" spans="2:5" s="2" customFormat="1" ht="45" customHeight="1" x14ac:dyDescent="0.25">
      <c r="B125" s="50" t="s">
        <v>60</v>
      </c>
      <c r="C125" s="106" t="s">
        <v>221</v>
      </c>
      <c r="D125" s="52"/>
      <c r="E125" s="64"/>
    </row>
    <row r="126" spans="2:5" s="2" customFormat="1" ht="87.75" customHeight="1" x14ac:dyDescent="0.25">
      <c r="B126" s="50" t="s">
        <v>61</v>
      </c>
      <c r="C126" s="105" t="s">
        <v>137</v>
      </c>
      <c r="D126" s="52"/>
      <c r="E126" s="64"/>
    </row>
    <row r="127" spans="2:5" s="2" customFormat="1" ht="135" customHeight="1" x14ac:dyDescent="0.25">
      <c r="B127" s="51" t="s">
        <v>62</v>
      </c>
      <c r="C127" s="105" t="s">
        <v>222</v>
      </c>
      <c r="D127" s="52"/>
      <c r="E127" s="64"/>
    </row>
    <row r="128" spans="2:5" s="2" customFormat="1" ht="115.5" customHeight="1" x14ac:dyDescent="0.25">
      <c r="B128" s="51" t="s">
        <v>63</v>
      </c>
      <c r="C128" s="107" t="s">
        <v>138</v>
      </c>
      <c r="D128" s="52"/>
      <c r="E128" s="64"/>
    </row>
    <row r="129" spans="2:5" s="2" customFormat="1" ht="271.5" customHeight="1" x14ac:dyDescent="0.25">
      <c r="B129" s="51" t="s">
        <v>64</v>
      </c>
      <c r="C129" s="105" t="s">
        <v>139</v>
      </c>
      <c r="D129" s="52"/>
      <c r="E129" s="64"/>
    </row>
    <row r="130" spans="2:5" s="2" customFormat="1" ht="120.75" customHeight="1" x14ac:dyDescent="0.25">
      <c r="B130" s="51" t="s">
        <v>65</v>
      </c>
      <c r="C130" s="134" t="s">
        <v>223</v>
      </c>
      <c r="D130" s="52"/>
      <c r="E130" s="64"/>
    </row>
    <row r="131" spans="2:5" s="2" customFormat="1" ht="114.75" customHeight="1" x14ac:dyDescent="0.25">
      <c r="B131" s="51" t="s">
        <v>66</v>
      </c>
      <c r="C131" s="108" t="s">
        <v>140</v>
      </c>
      <c r="D131" s="52"/>
      <c r="E131" s="64"/>
    </row>
    <row r="132" spans="2:5" s="2" customFormat="1" ht="30" customHeight="1" x14ac:dyDescent="0.25">
      <c r="B132" s="100" t="s">
        <v>73</v>
      </c>
      <c r="C132" s="99" t="s">
        <v>141</v>
      </c>
      <c r="D132" s="52"/>
      <c r="E132" s="64"/>
    </row>
    <row r="133" spans="2:5" s="2" customFormat="1" ht="49.5" customHeight="1" x14ac:dyDescent="0.25">
      <c r="B133" s="100" t="s">
        <v>74</v>
      </c>
      <c r="C133" s="99" t="s">
        <v>142</v>
      </c>
      <c r="D133" s="52"/>
      <c r="E133" s="64"/>
    </row>
    <row r="134" spans="2:5" s="2" customFormat="1" ht="73.5" customHeight="1" x14ac:dyDescent="0.25">
      <c r="B134" s="100" t="s">
        <v>143</v>
      </c>
      <c r="C134" s="99" t="s">
        <v>144</v>
      </c>
      <c r="D134" s="52"/>
      <c r="E134" s="64"/>
    </row>
    <row r="135" spans="2:5" s="2" customFormat="1" ht="48.75" customHeight="1" x14ac:dyDescent="0.25">
      <c r="B135" s="100" t="s">
        <v>145</v>
      </c>
      <c r="C135" s="99" t="s">
        <v>232</v>
      </c>
      <c r="D135" s="52"/>
      <c r="E135" s="64"/>
    </row>
    <row r="136" spans="2:5" s="2" customFormat="1" ht="32.25" customHeight="1" x14ac:dyDescent="0.25">
      <c r="B136" s="100" t="s">
        <v>146</v>
      </c>
      <c r="C136" s="99" t="s">
        <v>147</v>
      </c>
      <c r="D136" s="52"/>
      <c r="E136" s="64"/>
    </row>
    <row r="137" spans="2:5" s="2" customFormat="1" ht="68.25" customHeight="1" x14ac:dyDescent="0.25">
      <c r="B137" s="102" t="s">
        <v>148</v>
      </c>
      <c r="C137" s="99" t="s">
        <v>149</v>
      </c>
      <c r="D137" s="52"/>
      <c r="E137" s="68"/>
    </row>
    <row r="138" spans="2:5" s="2" customFormat="1" ht="33" customHeight="1" x14ac:dyDescent="0.25">
      <c r="B138" s="102" t="s">
        <v>150</v>
      </c>
      <c r="C138" s="99" t="s">
        <v>151</v>
      </c>
      <c r="D138" s="52"/>
      <c r="E138" s="64"/>
    </row>
    <row r="139" spans="2:5" s="2" customFormat="1" ht="41.25" customHeight="1" x14ac:dyDescent="0.25">
      <c r="B139" s="102" t="s">
        <v>152</v>
      </c>
      <c r="C139" s="99" t="s">
        <v>224</v>
      </c>
      <c r="D139" s="52"/>
      <c r="E139" s="64"/>
    </row>
    <row r="140" spans="2:5" s="2" customFormat="1" ht="48.75" customHeight="1" x14ac:dyDescent="0.25">
      <c r="B140" s="109" t="s">
        <v>153</v>
      </c>
      <c r="C140" s="99" t="s">
        <v>154</v>
      </c>
      <c r="D140" s="52"/>
      <c r="E140" s="64"/>
    </row>
    <row r="141" spans="2:5" s="2" customFormat="1" ht="74.25" customHeight="1" x14ac:dyDescent="0.25">
      <c r="B141" s="110" t="s">
        <v>75</v>
      </c>
      <c r="C141" s="134" t="s">
        <v>225</v>
      </c>
      <c r="D141" s="52"/>
      <c r="E141" s="64"/>
    </row>
    <row r="142" spans="2:5" s="2" customFormat="1" ht="33" customHeight="1" x14ac:dyDescent="0.25">
      <c r="B142" s="111" t="s">
        <v>76</v>
      </c>
      <c r="C142" s="108" t="s">
        <v>155</v>
      </c>
      <c r="D142" s="52"/>
      <c r="E142" s="64"/>
    </row>
    <row r="143" spans="2:5" s="2" customFormat="1" ht="37.5" customHeight="1" x14ac:dyDescent="0.25">
      <c r="B143" s="112" t="s">
        <v>156</v>
      </c>
      <c r="C143" s="99" t="s">
        <v>226</v>
      </c>
      <c r="D143" s="52"/>
      <c r="E143" s="64"/>
    </row>
    <row r="144" spans="2:5" s="2" customFormat="1" ht="37.5" customHeight="1" x14ac:dyDescent="0.25">
      <c r="B144" s="113" t="s">
        <v>157</v>
      </c>
      <c r="C144" s="114" t="s">
        <v>227</v>
      </c>
      <c r="D144" s="52"/>
      <c r="E144" s="64"/>
    </row>
    <row r="145" spans="2:6" s="2" customFormat="1" ht="76.5" customHeight="1" x14ac:dyDescent="0.25">
      <c r="B145" s="111" t="s">
        <v>77</v>
      </c>
      <c r="C145" s="108" t="s">
        <v>158</v>
      </c>
      <c r="D145" s="52"/>
      <c r="E145" s="64"/>
    </row>
    <row r="146" spans="2:6" s="2" customFormat="1" ht="62.25" customHeight="1" x14ac:dyDescent="0.25">
      <c r="B146" s="115" t="s">
        <v>159</v>
      </c>
      <c r="C146" s="116" t="s">
        <v>160</v>
      </c>
      <c r="D146" s="52"/>
      <c r="E146" s="64"/>
    </row>
    <row r="147" spans="2:6" s="2" customFormat="1" ht="50.25" customHeight="1" x14ac:dyDescent="0.25">
      <c r="B147" s="113" t="s">
        <v>161</v>
      </c>
      <c r="C147" s="117" t="s">
        <v>162</v>
      </c>
      <c r="D147" s="52"/>
      <c r="E147" s="64"/>
    </row>
    <row r="148" spans="2:6" s="2" customFormat="1" ht="121.5" customHeight="1" x14ac:dyDescent="0.25">
      <c r="B148" s="118" t="s">
        <v>78</v>
      </c>
      <c r="C148" s="134" t="s">
        <v>228</v>
      </c>
      <c r="D148" s="52"/>
      <c r="E148" s="64"/>
    </row>
    <row r="149" spans="2:6" s="2" customFormat="1" ht="65.25" customHeight="1" x14ac:dyDescent="0.25">
      <c r="B149" s="110" t="s">
        <v>79</v>
      </c>
      <c r="C149" s="134" t="s">
        <v>163</v>
      </c>
      <c r="D149" s="52"/>
      <c r="E149" s="64"/>
    </row>
    <row r="150" spans="2:6" s="2" customFormat="1" ht="71.25" customHeight="1" x14ac:dyDescent="0.25">
      <c r="B150" s="50" t="s">
        <v>80</v>
      </c>
      <c r="C150" s="134" t="s">
        <v>164</v>
      </c>
      <c r="D150" s="52"/>
      <c r="E150" s="64"/>
    </row>
    <row r="151" spans="2:6" s="2" customFormat="1" ht="88.5" customHeight="1" x14ac:dyDescent="0.25">
      <c r="B151" s="50" t="s">
        <v>81</v>
      </c>
      <c r="C151" s="25" t="s">
        <v>165</v>
      </c>
      <c r="D151" s="52"/>
      <c r="E151" s="64"/>
    </row>
    <row r="152" spans="2:6" s="2" customFormat="1" ht="228" customHeight="1" x14ac:dyDescent="0.25">
      <c r="B152" s="50" t="s">
        <v>166</v>
      </c>
      <c r="C152" s="119" t="s">
        <v>229</v>
      </c>
      <c r="D152" s="52"/>
      <c r="E152" s="64"/>
    </row>
    <row r="153" spans="2:6" s="2" customFormat="1" ht="98.25" customHeight="1" x14ac:dyDescent="0.25">
      <c r="B153" s="85" t="s">
        <v>101</v>
      </c>
      <c r="C153" s="25" t="s">
        <v>167</v>
      </c>
      <c r="D153" s="52"/>
      <c r="E153" s="64"/>
    </row>
    <row r="154" spans="2:6" s="2" customFormat="1" ht="124.5" customHeight="1" x14ac:dyDescent="0.25">
      <c r="B154" s="50" t="s">
        <v>168</v>
      </c>
      <c r="C154" s="25" t="s">
        <v>169</v>
      </c>
      <c r="D154" s="52"/>
      <c r="E154" s="64"/>
    </row>
    <row r="155" spans="2:6" s="2" customFormat="1" ht="44.25" customHeight="1" thickBot="1" x14ac:dyDescent="0.3">
      <c r="B155" s="50" t="s">
        <v>170</v>
      </c>
      <c r="C155" s="13" t="s">
        <v>171</v>
      </c>
      <c r="D155" s="53"/>
      <c r="E155" s="64"/>
    </row>
    <row r="156" spans="2:6" s="3" customFormat="1" ht="46.5" customHeight="1" thickBot="1" x14ac:dyDescent="0.3">
      <c r="B156" s="122" t="s">
        <v>172</v>
      </c>
      <c r="C156" s="46" t="s">
        <v>173</v>
      </c>
      <c r="D156" s="53"/>
      <c r="E156" s="123"/>
      <c r="F156" s="2"/>
    </row>
    <row r="157" spans="2:6" s="3" customFormat="1" ht="7.5" customHeight="1" x14ac:dyDescent="0.25">
      <c r="B157" s="120"/>
      <c r="C157" s="121"/>
      <c r="D157" s="7"/>
      <c r="E157" s="24"/>
      <c r="F157" s="2"/>
    </row>
    <row r="158" spans="2:6" s="2" customFormat="1" ht="20.100000000000001" customHeight="1" x14ac:dyDescent="0.25">
      <c r="B158" s="146" t="s">
        <v>47</v>
      </c>
      <c r="C158" s="146"/>
      <c r="D158" s="146"/>
      <c r="E158" s="146"/>
    </row>
    <row r="159" spans="2:6" s="2" customFormat="1" ht="6.75" customHeight="1" thickBot="1" x14ac:dyDescent="0.3"/>
    <row r="160" spans="2:6" s="2" customFormat="1" ht="69" customHeight="1" x14ac:dyDescent="0.25">
      <c r="B160" s="147" t="s">
        <v>48</v>
      </c>
      <c r="C160" s="148"/>
      <c r="D160" s="164" t="s">
        <v>49</v>
      </c>
      <c r="E160" s="165"/>
    </row>
    <row r="161" spans="2:6" s="3" customFormat="1" ht="29.25" customHeight="1" thickBot="1" x14ac:dyDescent="0.3">
      <c r="B161" s="149"/>
      <c r="C161" s="150"/>
      <c r="D161" s="22" t="s">
        <v>5</v>
      </c>
      <c r="E161" s="69"/>
      <c r="F161" s="2"/>
    </row>
    <row r="162" spans="2:6" s="3" customFormat="1" ht="38.25" customHeight="1" x14ac:dyDescent="0.25">
      <c r="B162" s="87" t="s">
        <v>12</v>
      </c>
      <c r="C162" s="88" t="s">
        <v>50</v>
      </c>
      <c r="D162" s="41"/>
      <c r="E162" s="91"/>
      <c r="F162" s="2"/>
    </row>
    <row r="163" spans="2:6" s="3" customFormat="1" ht="66.75" customHeight="1" x14ac:dyDescent="0.25">
      <c r="B163" s="85" t="s">
        <v>51</v>
      </c>
      <c r="C163" s="86" t="s">
        <v>117</v>
      </c>
      <c r="D163" s="61"/>
      <c r="E163" s="92"/>
      <c r="F163" s="2"/>
    </row>
    <row r="164" spans="2:6" s="3" customFormat="1" ht="45" customHeight="1" x14ac:dyDescent="0.25">
      <c r="B164" s="50" t="s">
        <v>52</v>
      </c>
      <c r="C164" s="90" t="s">
        <v>102</v>
      </c>
      <c r="D164" s="61"/>
      <c r="E164" s="94"/>
      <c r="F164" s="2"/>
    </row>
    <row r="165" spans="2:6" s="3" customFormat="1" ht="102" customHeight="1" thickBot="1" x14ac:dyDescent="0.3">
      <c r="B165" s="89" t="s">
        <v>53</v>
      </c>
      <c r="C165" s="124" t="s">
        <v>174</v>
      </c>
      <c r="D165" s="40"/>
      <c r="E165" s="93"/>
      <c r="F165" s="2"/>
    </row>
    <row r="166" spans="2:6" s="2" customFormat="1" ht="5.0999999999999996" customHeight="1" x14ac:dyDescent="0.25">
      <c r="B166" s="5"/>
      <c r="C166" s="5"/>
      <c r="D166" s="7"/>
      <c r="E166" s="24"/>
    </row>
    <row r="167" spans="2:6" s="2" customFormat="1" ht="20.100000000000001" customHeight="1" x14ac:dyDescent="0.25">
      <c r="B167" s="146" t="s">
        <v>11</v>
      </c>
      <c r="C167" s="146"/>
      <c r="D167" s="146"/>
      <c r="E167" s="146"/>
    </row>
    <row r="168" spans="2:6" s="3" customFormat="1" ht="30" customHeight="1" x14ac:dyDescent="0.25">
      <c r="B168" s="5" t="s">
        <v>13</v>
      </c>
      <c r="C168" s="158" t="s">
        <v>118</v>
      </c>
      <c r="D168" s="158"/>
      <c r="E168" s="158"/>
      <c r="F168" s="2"/>
    </row>
    <row r="169" spans="2:6" s="27" customFormat="1" ht="30" customHeight="1" x14ac:dyDescent="0.25">
      <c r="B169" s="5" t="s">
        <v>26</v>
      </c>
      <c r="C169" s="158" t="s">
        <v>27</v>
      </c>
      <c r="D169" s="158"/>
      <c r="E169" s="158"/>
      <c r="F169" s="2"/>
    </row>
    <row r="170" spans="2:6" s="27" customFormat="1" ht="30" customHeight="1" x14ac:dyDescent="0.25">
      <c r="B170" s="159" t="s">
        <v>28</v>
      </c>
      <c r="C170" s="159"/>
      <c r="D170" s="159"/>
      <c r="E170" s="3"/>
      <c r="F170" s="2"/>
    </row>
    <row r="171" spans="2:6" s="2" customFormat="1" ht="24.95" customHeight="1" x14ac:dyDescent="0.2">
      <c r="B171" s="26" t="s">
        <v>29</v>
      </c>
      <c r="C171" s="161"/>
      <c r="D171" s="161"/>
      <c r="E171" s="27"/>
    </row>
    <row r="172" spans="2:6" s="2" customFormat="1" ht="24.95" customHeight="1" x14ac:dyDescent="0.2">
      <c r="B172" s="26" t="s">
        <v>30</v>
      </c>
      <c r="C172" s="162"/>
      <c r="D172" s="162"/>
      <c r="E172" s="27"/>
    </row>
    <row r="173" spans="2:6" s="2" customFormat="1" ht="24.95" customHeight="1" x14ac:dyDescent="0.25">
      <c r="B173" s="26" t="s">
        <v>31</v>
      </c>
      <c r="C173" s="163"/>
      <c r="D173" s="163"/>
      <c r="E173" s="27"/>
    </row>
    <row r="174" spans="2:6" s="3" customFormat="1" ht="24.95" customHeight="1" x14ac:dyDescent="0.25">
      <c r="B174" s="26" t="s">
        <v>32</v>
      </c>
      <c r="C174" s="163"/>
      <c r="D174" s="163"/>
      <c r="E174" s="28"/>
      <c r="F174" s="2"/>
    </row>
    <row r="175" spans="2:6" s="2" customFormat="1" ht="14.25" customHeight="1" x14ac:dyDescent="0.2">
      <c r="B175" s="11"/>
      <c r="C175" s="12"/>
      <c r="D175" s="12"/>
      <c r="E175" s="29"/>
    </row>
    <row r="176" spans="2:6" s="3" customFormat="1" ht="15" customHeight="1" x14ac:dyDescent="0.25">
      <c r="B176" s="160" t="s">
        <v>33</v>
      </c>
      <c r="C176" s="160"/>
      <c r="D176" s="160"/>
      <c r="E176" s="160"/>
    </row>
    <row r="177" spans="2:5" s="2" customFormat="1" ht="36.75" customHeight="1" x14ac:dyDescent="0.25">
      <c r="B177" s="157" t="s">
        <v>44</v>
      </c>
      <c r="C177" s="157"/>
      <c r="D177" s="157"/>
      <c r="E177" s="157"/>
    </row>
    <row r="178" spans="2:5" s="2" customFormat="1" ht="20.100000000000001" customHeight="1" x14ac:dyDescent="0.2">
      <c r="B178" s="1"/>
      <c r="C178" s="1"/>
      <c r="D178" s="8"/>
    </row>
    <row r="179" spans="2:5" s="3" customFormat="1" ht="4.5" customHeight="1" x14ac:dyDescent="0.2">
      <c r="B179" s="1"/>
      <c r="C179" s="1"/>
      <c r="D179" s="8"/>
      <c r="E179" s="2"/>
    </row>
    <row r="180" spans="2:5" s="3" customFormat="1" ht="20.100000000000001" customHeight="1" x14ac:dyDescent="0.25">
      <c r="B180" s="30" t="s">
        <v>34</v>
      </c>
      <c r="C180" s="31"/>
      <c r="D180" s="32" t="s">
        <v>35</v>
      </c>
      <c r="E180" s="70"/>
    </row>
    <row r="181" spans="2:5" s="3" customFormat="1" ht="20.100000000000001" customHeight="1" x14ac:dyDescent="0.25">
      <c r="B181" s="33"/>
      <c r="C181" s="33"/>
      <c r="D181" s="33"/>
      <c r="E181" s="34"/>
    </row>
    <row r="182" spans="2:5" ht="20.100000000000001" customHeight="1" x14ac:dyDescent="0.2">
      <c r="B182" s="30" t="s">
        <v>36</v>
      </c>
      <c r="C182" s="31"/>
      <c r="D182" s="35" t="s">
        <v>37</v>
      </c>
      <c r="E182" s="71"/>
    </row>
    <row r="183" spans="2:5" s="2" customFormat="1" ht="20.100000000000001" customHeight="1" x14ac:dyDescent="0.2">
      <c r="B183" s="1"/>
      <c r="C183" s="1"/>
      <c r="D183" s="35" t="s">
        <v>38</v>
      </c>
      <c r="E183" s="72"/>
    </row>
    <row r="184" spans="2:5" s="2" customFormat="1" ht="20.100000000000001" customHeight="1" x14ac:dyDescent="0.2">
      <c r="B184" s="1"/>
      <c r="C184" s="1"/>
      <c r="D184" s="36" t="s">
        <v>39</v>
      </c>
    </row>
    <row r="185" spans="2:5" s="2" customFormat="1" ht="37.5" customHeight="1" x14ac:dyDescent="0.25"/>
    <row r="186" spans="2:5" s="2" customFormat="1" ht="24" customHeight="1" x14ac:dyDescent="0.25"/>
    <row r="187" spans="2:5" s="2" customFormat="1" ht="24" customHeight="1" x14ac:dyDescent="0.25"/>
    <row r="188" spans="2:5" s="2" customFormat="1" ht="24" customHeight="1" x14ac:dyDescent="0.25"/>
    <row r="189" spans="2:5" s="2" customFormat="1" ht="20.100000000000001" customHeight="1" x14ac:dyDescent="0.25"/>
    <row r="190" spans="2:5" s="2" customFormat="1" ht="20.100000000000001" customHeight="1" x14ac:dyDescent="0.25"/>
    <row r="191" spans="2:5" s="2" customFormat="1" ht="50.1" customHeight="1" x14ac:dyDescent="0.25"/>
    <row r="192" spans="2:5" s="2" customFormat="1" ht="43.5" customHeight="1" x14ac:dyDescent="0.25"/>
    <row r="193" spans="2:4" ht="24.75" customHeight="1" x14ac:dyDescent="0.2">
      <c r="B193" s="2"/>
      <c r="C193" s="2"/>
      <c r="D193" s="2"/>
    </row>
    <row r="194" spans="2:4" x14ac:dyDescent="0.2">
      <c r="B194" s="2"/>
      <c r="C194" s="2"/>
      <c r="D194" s="2"/>
    </row>
    <row r="195" spans="2:4" ht="20.100000000000001" customHeight="1" x14ac:dyDescent="0.2"/>
    <row r="196" spans="2:4" ht="4.5" customHeight="1" x14ac:dyDescent="0.2"/>
    <row r="197" spans="2:4" ht="20.100000000000001" customHeight="1" x14ac:dyDescent="0.2"/>
    <row r="198" spans="2:4" ht="20.100000000000001" customHeight="1" x14ac:dyDescent="0.2"/>
    <row r="199" spans="2:4" ht="20.100000000000001" customHeight="1" x14ac:dyDescent="0.2"/>
  </sheetData>
  <mergeCells count="44">
    <mergeCell ref="B71:C71"/>
    <mergeCell ref="B78:E78"/>
    <mergeCell ref="D40:E40"/>
    <mergeCell ref="B158:E158"/>
    <mergeCell ref="B88:E88"/>
    <mergeCell ref="B97:E97"/>
    <mergeCell ref="B160:C161"/>
    <mergeCell ref="D160:E160"/>
    <mergeCell ref="B2:E2"/>
    <mergeCell ref="B1:E1"/>
    <mergeCell ref="B24:C24"/>
    <mergeCell ref="B27:C27"/>
    <mergeCell ref="B100:E100"/>
    <mergeCell ref="B102:C103"/>
    <mergeCell ref="D102:E102"/>
    <mergeCell ref="B3:E3"/>
    <mergeCell ref="B7:E7"/>
    <mergeCell ref="B8:E8"/>
    <mergeCell ref="B9:E9"/>
    <mergeCell ref="B11:E11"/>
    <mergeCell ref="B12:D12"/>
    <mergeCell ref="B42:E42"/>
    <mergeCell ref="B177:E177"/>
    <mergeCell ref="B167:E167"/>
    <mergeCell ref="C168:E168"/>
    <mergeCell ref="C169:E169"/>
    <mergeCell ref="B170:D170"/>
    <mergeCell ref="B176:E176"/>
    <mergeCell ref="C171:D171"/>
    <mergeCell ref="C172:D172"/>
    <mergeCell ref="C173:D173"/>
    <mergeCell ref="C174:D174"/>
    <mergeCell ref="B13:C13"/>
    <mergeCell ref="B14:D14"/>
    <mergeCell ref="B38:E38"/>
    <mergeCell ref="B40:C41"/>
    <mergeCell ref="B23:E23"/>
    <mergeCell ref="B34:C34"/>
    <mergeCell ref="B22:E22"/>
    <mergeCell ref="B21:D21"/>
    <mergeCell ref="B17:D17"/>
    <mergeCell ref="B18:D18"/>
    <mergeCell ref="B19:E19"/>
    <mergeCell ref="B20:E20"/>
  </mergeCells>
  <conditionalFormatting sqref="D53:D54 E182:E183 D79:D87 D98 D68:D77 D89:D96">
    <cfRule type="containsBlanks" dxfId="29" priority="68">
      <formula>LEN(TRIM(D53))=0</formula>
    </cfRule>
  </conditionalFormatting>
  <conditionalFormatting sqref="C180">
    <cfRule type="containsBlanks" dxfId="28" priority="65">
      <formula>LEN(TRIM(C180))=0</formula>
    </cfRule>
  </conditionalFormatting>
  <conditionalFormatting sqref="C182">
    <cfRule type="containsBlanks" dxfId="27" priority="64">
      <formula>LEN(TRIM(C182))=0</formula>
    </cfRule>
  </conditionalFormatting>
  <conditionalFormatting sqref="C4:C5">
    <cfRule type="containsBlanks" dxfId="26" priority="63">
      <formula>LEN(TRIM(C4))=0</formula>
    </cfRule>
  </conditionalFormatting>
  <conditionalFormatting sqref="D43">
    <cfRule type="containsBlanks" dxfId="25" priority="62">
      <formula>LEN(TRIM(D43))=0</formula>
    </cfRule>
  </conditionalFormatting>
  <conditionalFormatting sqref="D44">
    <cfRule type="containsBlanks" dxfId="24" priority="61">
      <formula>LEN(TRIM(D44))=0</formula>
    </cfRule>
  </conditionalFormatting>
  <conditionalFormatting sqref="D162:D164">
    <cfRule type="containsBlanks" dxfId="23" priority="57">
      <formula>LEN(TRIM(D162))=0</formula>
    </cfRule>
  </conditionalFormatting>
  <conditionalFormatting sqref="D165">
    <cfRule type="containsBlanks" dxfId="22" priority="56">
      <formula>LEN(TRIM(D165))=0</formula>
    </cfRule>
  </conditionalFormatting>
  <conditionalFormatting sqref="C173:D173">
    <cfRule type="containsBlanks" dxfId="21" priority="53">
      <formula>LEN(TRIM(C173))=0</formula>
    </cfRule>
  </conditionalFormatting>
  <conditionalFormatting sqref="D45">
    <cfRule type="containsBlanks" dxfId="20" priority="39">
      <formula>LEN(TRIM(D45))=0</formula>
    </cfRule>
  </conditionalFormatting>
  <conditionalFormatting sqref="D49">
    <cfRule type="containsBlanks" dxfId="19" priority="38">
      <formula>LEN(TRIM(D49))=0</formula>
    </cfRule>
  </conditionalFormatting>
  <conditionalFormatting sqref="D50">
    <cfRule type="containsBlanks" dxfId="18" priority="37">
      <formula>LEN(TRIM(D50))=0</formula>
    </cfRule>
  </conditionalFormatting>
  <conditionalFormatting sqref="D51:D52">
    <cfRule type="containsBlanks" dxfId="17" priority="36">
      <formula>LEN(TRIM(D51))=0</formula>
    </cfRule>
  </conditionalFormatting>
  <conditionalFormatting sqref="D46">
    <cfRule type="containsBlanks" dxfId="16" priority="35">
      <formula>LEN(TRIM(D46))=0</formula>
    </cfRule>
  </conditionalFormatting>
  <conditionalFormatting sqref="D48">
    <cfRule type="containsBlanks" dxfId="15" priority="34">
      <formula>LEN(TRIM(D48))=0</formula>
    </cfRule>
  </conditionalFormatting>
  <conditionalFormatting sqref="D55">
    <cfRule type="containsBlanks" dxfId="14" priority="33">
      <formula>LEN(TRIM(D55))=0</formula>
    </cfRule>
  </conditionalFormatting>
  <conditionalFormatting sqref="D56">
    <cfRule type="containsBlanks" dxfId="13" priority="32">
      <formula>LEN(TRIM(D56))=0</formula>
    </cfRule>
  </conditionalFormatting>
  <conditionalFormatting sqref="D57">
    <cfRule type="containsBlanks" dxfId="12" priority="31">
      <formula>LEN(TRIM(D57))=0</formula>
    </cfRule>
  </conditionalFormatting>
  <conditionalFormatting sqref="D58 D62:D64">
    <cfRule type="containsBlanks" dxfId="11" priority="30">
      <formula>LEN(TRIM(D58))=0</formula>
    </cfRule>
  </conditionalFormatting>
  <conditionalFormatting sqref="D59">
    <cfRule type="containsBlanks" dxfId="10" priority="28">
      <formula>LEN(TRIM(D59))=0</formula>
    </cfRule>
  </conditionalFormatting>
  <conditionalFormatting sqref="D61">
    <cfRule type="containsBlanks" dxfId="9" priority="27">
      <formula>LEN(TRIM(D61))=0</formula>
    </cfRule>
  </conditionalFormatting>
  <conditionalFormatting sqref="D67">
    <cfRule type="containsBlanks" dxfId="8" priority="25">
      <formula>LEN(TRIM(D67))=0</formula>
    </cfRule>
  </conditionalFormatting>
  <conditionalFormatting sqref="D47">
    <cfRule type="containsBlanks" dxfId="7" priority="17">
      <formula>LEN(TRIM(D47))=0</formula>
    </cfRule>
  </conditionalFormatting>
  <conditionalFormatting sqref="D66">
    <cfRule type="containsBlanks" dxfId="6" priority="10">
      <formula>LEN(TRIM(D66))=0</formula>
    </cfRule>
  </conditionalFormatting>
  <conditionalFormatting sqref="D60">
    <cfRule type="containsBlanks" dxfId="5" priority="14">
      <formula>LEN(TRIM(D60))=0</formula>
    </cfRule>
  </conditionalFormatting>
  <conditionalFormatting sqref="D65">
    <cfRule type="containsBlanks" dxfId="4" priority="13">
      <formula>LEN(TRIM(D65))=0</formula>
    </cfRule>
  </conditionalFormatting>
  <conditionalFormatting sqref="D104:D112">
    <cfRule type="containsBlanks" dxfId="3" priority="4">
      <formula>LEN(TRIM(D104))=0</formula>
    </cfRule>
  </conditionalFormatting>
  <conditionalFormatting sqref="D113:D116">
    <cfRule type="containsBlanks" dxfId="2" priority="3">
      <formula>LEN(TRIM(D113))=0</formula>
    </cfRule>
  </conditionalFormatting>
  <conditionalFormatting sqref="D117:D120">
    <cfRule type="containsBlanks" dxfId="1" priority="2">
      <formula>LEN(TRIM(D117))=0</formula>
    </cfRule>
  </conditionalFormatting>
  <conditionalFormatting sqref="D121:D156">
    <cfRule type="containsBlanks" dxfId="0" priority="1">
      <formula>LEN(TRIM(D121))=0</formula>
    </cfRule>
  </conditionalFormatting>
  <printOptions horizontalCentered="1"/>
  <pageMargins left="0.70866141732283472" right="0.70866141732283472" top="0.90625" bottom="0.74803149606299213" header="0.31496062992125984" footer="0.31496062992125984"/>
  <pageSetup paperSize="9" scale="57"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4</xdr:row>
                    <xdr:rowOff>0</xdr:rowOff>
                  </from>
                  <to>
                    <xdr:col>1</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5</xdr:row>
                    <xdr:rowOff>9525</xdr:rowOff>
                  </from>
                  <to>
                    <xdr:col>1</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4</xdr:row>
                    <xdr:rowOff>9525</xdr:rowOff>
                  </from>
                  <to>
                    <xdr:col>1</xdr:col>
                    <xdr:colOff>885825</xdr:colOff>
                    <xdr:row>34</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5</xdr:row>
                    <xdr:rowOff>0</xdr:rowOff>
                  </from>
                  <to>
                    <xdr:col>1</xdr:col>
                    <xdr:colOff>885825</xdr:colOff>
                    <xdr:row>35</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11-04T08:44:15Z</cp:lastPrinted>
  <dcterms:created xsi:type="dcterms:W3CDTF">2017-04-21T05:51:15Z</dcterms:created>
  <dcterms:modified xsi:type="dcterms:W3CDTF">2023-03-03T13:21:32Z</dcterms:modified>
</cp:coreProperties>
</file>